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228"/>
  <workbookPr autoCompressPictures="0"/>
  <mc:AlternateContent xmlns:mc="http://schemas.openxmlformats.org/markup-compatibility/2006">
    <mc:Choice Requires="x15">
      <x15ac:absPath xmlns:x15ac="http://schemas.microsoft.com/office/spreadsheetml/2010/11/ac" url="C:\Users\s428393\Dropbox\2018_RWS\Data\Data Tables\Data Tables by Regions and Groups\RDAsLGAs regions\"/>
    </mc:Choice>
  </mc:AlternateContent>
  <xr:revisionPtr revIDLastSave="0" documentId="13_ncr:1_{00B5773F-7019-4D13-8DD2-D0244E9D28E7}" xr6:coauthVersionLast="45" xr6:coauthVersionMax="45" xr10:uidLastSave="{00000000-0000-0000-0000-000000000000}"/>
  <bookViews>
    <workbookView xWindow="28680" yWindow="-120" windowWidth="29040" windowHeight="1584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3562" uniqueCount="619">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 xml:space="preserve">Each individual item used to create the Community Wellbeing Index is presented individually. </t>
  </si>
  <si>
    <t>Changes in liveability ('getting worse' (1) to 'getting better' (7))</t>
  </si>
  <si>
    <t>Wellbeing of people</t>
  </si>
  <si>
    <t>Wellbeing of communities</t>
  </si>
  <si>
    <t>Self-efficacy (average score, from a possible 1-7)</t>
  </si>
  <si>
    <t>Institutional Capital</t>
  </si>
  <si>
    <t>Equity and inclusion (average score, from a possible 1-7)</t>
  </si>
  <si>
    <t>Participation in volunteering - distribution of responses</t>
  </si>
  <si>
    <t>Access to roads and public transport (average score, from a possible 1-7)</t>
  </si>
  <si>
    <t>Access to food and retail shops  (average score, from a possible 1-7)</t>
  </si>
  <si>
    <t>Access to telecommunications measures</t>
  </si>
  <si>
    <t xml:space="preserve">Global life satisfaction   </t>
  </si>
  <si>
    <t>Satisfaction with life as a whole
(average score, from a possible 0-100)</t>
  </si>
  <si>
    <t>Region name</t>
  </si>
  <si>
    <t xml:space="preserve">Total
number of
respondents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Murray (RDA)</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 Domains</t>
  </si>
  <si>
    <t xml:space="preserve">To what extent do you feel the things you do in your life are worthwhile?
</t>
  </si>
  <si>
    <t>How much do you feel your life has purpose?</t>
  </si>
  <si>
    <t xml:space="preserve">How meaningful does your life feel?
</t>
  </si>
  <si>
    <t>Migration</t>
  </si>
  <si>
    <t>People shifting away from the area
(measured 'not a problem' (1) to 'very big problem' (7))</t>
  </si>
  <si>
    <t>% residents who rated it as poor</t>
  </si>
  <si>
    <t>I have the skills and education I need to achieve what I want to in life
(Measured 'strongly disagree' (1) to 'strongly agree' (7))</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Community events e.g. festivals
'(Measured 'very poor' (1) to 'very good' (7))</t>
  </si>
  <si>
    <t>Access to health and education services</t>
  </si>
  <si>
    <t>Availability of good local restaurants/cafes
(Measured 'very poor' (1) to 'very good' (7))</t>
  </si>
  <si>
    <t>Access to local government services</t>
  </si>
  <si>
    <t>Local government services
(Measured 'very poor' (1) to 'very good' (7))</t>
  </si>
  <si>
    <t>Mobile phone reception
(Measured 'very poor' (1) to 'very good' (7))</t>
  </si>
  <si>
    <t>Access to telecommunications
(average score, from a possible 1-7)</t>
  </si>
  <si>
    <t>Measured from 1 (low levels of telecommunications) to 7 (high levels of telecommunications)</t>
  </si>
  <si>
    <t>Eudaimonic Wellbeing Index</t>
  </si>
  <si>
    <t>Eudaimonic Wellbeing Index
(average score, from a possible 0-100)</t>
  </si>
  <si>
    <t xml:space="preserv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o what extent are the following problems/challenges in your community at the moment? - Conflict/disagreement between some people
(Measured 'not a problem' (1) to 'very big problem' (7))</t>
  </si>
  <si>
    <t>Confidence interval for % who rated it as neither poor or good</t>
  </si>
  <si>
    <t>Confidence interval for % who  rated it as good</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Volunteer all the time</t>
  </si>
  <si>
    <t>Confidence interval for % who volunteer all the time</t>
  </si>
  <si>
    <t>If I could, I would shift to live in another community
(measured 'strongly disagree' (1) to 'strongly agree' (7))</t>
  </si>
  <si>
    <t>Confidence interval for % Never/rarely</t>
  </si>
  <si>
    <t>Confidence interval for % Sometimes</t>
  </si>
  <si>
    <t>Confidence interval for % regularly/all the time</t>
  </si>
  <si>
    <t>Wellbeing-  Emotional Affect Index - distribution of responses</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 residents who rated it as a large problem</t>
  </si>
  <si>
    <t>Confidence interval for % who rated it as a large problem</t>
  </si>
  <si>
    <t>% residents who rated it as no/low problem</t>
  </si>
  <si>
    <t>Confidence interval for % who rated it as no/low problem</t>
  </si>
  <si>
    <t>Australia</t>
  </si>
  <si>
    <t>Regional Australia</t>
  </si>
  <si>
    <t>Urban Australia</t>
  </si>
  <si>
    <t>Balranald, Edward River, Murray River &amp; Wentworth (LGAs)</t>
  </si>
  <si>
    <t>Berrigan, Federation, Greater Hume &amp; Murrumbidgee (LGAs)</t>
  </si>
  <si>
    <t>Bland, Carrathool, Hay, Lockhart &amp; Narrandera (LGAs)</t>
  </si>
  <si>
    <t>Coolamon, Gundagai, Junee &amp; Temora (LGAs)</t>
  </si>
  <si>
    <t>Griffith (LGA)</t>
  </si>
  <si>
    <t>Leeton (LGA)</t>
  </si>
  <si>
    <t>Snowy Monaro Regional &amp; Snowy Valleys (LGAs)</t>
  </si>
  <si>
    <t>Wagga Wagga (LGA)</t>
  </si>
  <si>
    <t>Bega Valley (LGA)</t>
  </si>
  <si>
    <t>Goulburn Mulwaree, Hilltops, Upper Lachlan &amp; Wingecarribee (LGAs)</t>
  </si>
  <si>
    <t xml:space="preserve">Self-efficacy </t>
  </si>
  <si>
    <t xml:space="preserve">Self-efficacy measures </t>
  </si>
  <si>
    <t xml:space="preserve">Access to telecommunications </t>
  </si>
  <si>
    <t xml:space="preserve">Crime and safety in the local community </t>
  </si>
  <si>
    <t xml:space="preserve">Crime and safety in the local community measures  </t>
  </si>
  <si>
    <t>Measured from 0 (low emotional affect) to 10 (high emotional affect)</t>
  </si>
  <si>
    <t>Central Coast &amp; Illawarra (RDAs)</t>
  </si>
  <si>
    <t>Riverina (RDA)</t>
  </si>
  <si>
    <t>Southern Inland (RDA)</t>
  </si>
  <si>
    <t>Far South Coast (RDA)</t>
  </si>
  <si>
    <t>Regional NSW</t>
  </si>
  <si>
    <t>Australian Capital Territory (ACT)</t>
  </si>
  <si>
    <t>New South Wales (NSW)</t>
  </si>
  <si>
    <t>Queanbeyan-Palerang &amp; Yass Valley (LGAs)</t>
  </si>
  <si>
    <t>Explanatory notes</t>
  </si>
  <si>
    <t>Respondents were asked ‘how would you rate your general health?’, and asked to select one of the following options: poor, fair, good, very good or excellent. 
Responses are reported  as an average and as the % providing each response.</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Community Wellbeing Index</t>
  </si>
  <si>
    <t>My community is a great place to live
(Measured 'strongly disagree' (1) to 'strongly agree' (7))</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Likelihood of shifting in the next 12 months 
(measured 'very unlikely' (1) to 'very likely' (5))</t>
  </si>
  <si>
    <t xml:space="preserve">% residents who were unlikely to shift </t>
  </si>
  <si>
    <t xml:space="preserve">Confidence interval for % who were unlikely to shift </t>
  </si>
  <si>
    <t xml:space="preserve">% residents who were neither likely or unlikely to shift </t>
  </si>
  <si>
    <t>Confidence interval for % who neither likely or unlikely to shift</t>
  </si>
  <si>
    <t xml:space="preserve">% residents who were likely to shift  </t>
  </si>
  <si>
    <t>Confidence interval for % who  were likely to shift</t>
  </si>
  <si>
    <t>% residents who had a score of 1 or 2 out of 5</t>
  </si>
  <si>
    <t>There is 95% confidence that if the survey was repeated, the value would fall between the %  ± the confidence interval</t>
  </si>
  <si>
    <t>% residents who had a score of 3 out of 5</t>
  </si>
  <si>
    <t>% residents who had a score of 4 or 5 out of 5</t>
  </si>
  <si>
    <t>This community is financially well-off
(Measured 'strongly disagree' (1) to 'strongly agree' (7))</t>
  </si>
  <si>
    <t>Local businesses in this town are doing pretty well at the moment
(Measured 'strongly disagree' (1) to 'strongly agree' (7))</t>
  </si>
  <si>
    <t xml:space="preserve">Respondents were asked to identify how much they agreed or disagreed, on a 7-point scale from  'strongly disagree' (1) to 'strongly agree' (7), with the following statements: (i) I am confident I can achieve the things I want in life, (ii) I am confident I can achieve the things I want in my work, and (iii) I have the skills and education I need to achieve what I want to in life. Responses to these statements were averaged to form a single measure of self-efficacy, scored from 1 (low self-efficacy) to 7 (high self-efficacy). 
</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The people who make decisions for my community represent the whole community, not just part of it 
(Measured 'strongly disagree' (1) to 'strongly agree' (7))</t>
  </si>
  <si>
    <t>Most people get a fair go around here
(Measured 'strongly disagree' (1) to 'strongly agree' (7))</t>
  </si>
  <si>
    <t xml:space="preserve">Equity and inclusion was measured by asking survey participants how much they agreed with the following two statements, from 'strongly disagree' (1) to 'strongly agree' (7): (i) Some groups in this community keep to themselves; (ii) Some groups who live in this community aren’t made to feel welcome; and the statement 'Conflict/disagreement between some people' from 'not a problem' (1) to 'very big problem' (7).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Equity and inclusion
(average score, from a possible 1-7)</t>
  </si>
  <si>
    <t>Measured from 1 (low levels of inclusion and equity) to 7 (high levels of inclusion and equity)</t>
  </si>
  <si>
    <t>Some groups in this community keep to themselves
(Measured 'strongly disagree' (1) to 'strongly agree' (7))</t>
  </si>
  <si>
    <t>Some groups who live in this community aren’t made to feel welcome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I chat with my neighbours
'(Measured 'never' (1) to 'all the time' (7))</t>
  </si>
  <si>
    <t>The extent of a person’s involvement in local community activities was examined by asking survey participants how frequently they took part in the following types of activities, on a scale from 'never or almost never' (1) to 'all the time' (7): (i) I attend community events such as farmers markets, community festivals; (ii) I attend meetings/social events of local clubs/groups e.g. Lions, CWA; and (i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community events such as farmers markets, community festivals; (ii) I attend meetings/social events of local clubs/groups e.g. Lions, CWA; and (iii) I take part in sports groups or teams.</t>
  </si>
  <si>
    <t>I attend community events such as farmers markets, community festivals
'(Measured 'never or almost never' (1) to 'all the time' (7))</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Measured from 1 (low sense of belonging) to 7 (high sense of belonging)</t>
  </si>
  <si>
    <t>Sense of belonging measures</t>
  </si>
  <si>
    <t>I feel part of my community 
(Measured 'strongly disagree' (1) to 'strongly agree' (7))</t>
  </si>
  <si>
    <t>I feel like an outsider here 
(Measured 'strongly disagree' (1) to 'strongly agree' (7))</t>
  </si>
  <si>
    <t xml:space="preserve">Access to health, education  and child care </t>
  </si>
  <si>
    <t xml:space="preserve"> Access to health, education and child care
(average score, from a possible 1-7)</t>
  </si>
  <si>
    <t>Access to health, education and child care measures</t>
  </si>
  <si>
    <t>General health services e.g. GP, general health consultation services
(Measured 'very poor' (1) to 'very good' (7))</t>
  </si>
  <si>
    <t>Mental health services e.g. psychologist, psychiatrist
(Measured 'very poor' (1) to 'very good' (7))</t>
  </si>
  <si>
    <t>Specialist health services (other than mental health)
(Measured 'very poor' (1) to 'very good' (7))</t>
  </si>
  <si>
    <t>Quality of local schools
(Measured 'very poor' (1) to 'very good' (7))</t>
  </si>
  <si>
    <t>Access to childcare
(Measured 'very poor' (1) to 'very good' (7))</t>
  </si>
  <si>
    <t>Access to health, education,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quality of local schools (v) access to child care.
A single measure of overall access to health, education, aged and child care was then constructed based on the average score of a person’s responses to these items, after excluding respondents who were unsure whether there was access to a given service.</t>
  </si>
  <si>
    <t>Access to roads and public transport</t>
  </si>
  <si>
    <t xml:space="preserve"> Access to roads and public transport
(average score, from a possible 1-7)</t>
  </si>
  <si>
    <t>Access to roads and public transport was measured by asking respondents to rate their access to the following types of services in their local community, on a scale ranging from 'very poor' (1) to 'very good' (7): (i) Quality of local roads; and (ii) Access to public transport (including taxis, buses, trains).
A single measure of overall access to roads and public transport was then constructed based on the average score of a person’s responses to these two items.</t>
  </si>
  <si>
    <t>Quality of local roads 
(Measured 'very poor' (1) to 'very good' (7))</t>
  </si>
  <si>
    <t>Access to public transport (including taxis, buses, trains)
(Measured 'very poor' (1) to 'very good' (7))</t>
  </si>
  <si>
    <t>Access to food</t>
  </si>
  <si>
    <t xml:space="preserve">Access to food </t>
  </si>
  <si>
    <t>Access to food 
(average score, from a possible 1-7)</t>
  </si>
  <si>
    <t>Availability of fresh fruit and vegetables
(Measured 'very poor' (1) to 'very good' (7))</t>
  </si>
  <si>
    <t>Telecommunications items are reported individually. Each was measured on a 7-point scale, from 'very poor' (1) to 'very good' (7), and included: 
(i) How good or poor are the following things in your local region at the moment - Mobile phone reception and (ii) access to high speed, reliable internet
Responses are reported at the proportional level of poor/neither/good access.</t>
  </si>
  <si>
    <t>Access to high speed, reliable internet
(Measured 'very poor' (1) to 'very good' (7))</t>
  </si>
  <si>
    <t>Access to financial and professional services</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Access to financial and professional services
(average score, from a possible 1-7)</t>
  </si>
  <si>
    <t>Access to financial and professional services measures</t>
  </si>
  <si>
    <t>Banking and financial services
(Measured 'very poor' (1) to 'very good' (7))</t>
  </si>
  <si>
    <t>Professional services e.g. accountants, lawyers
(Measured 'very poor' (1) to 'very good' (7))</t>
  </si>
  <si>
    <t>% poor</t>
  </si>
  <si>
    <t>% neither poor nor good</t>
  </si>
  <si>
    <t>% good</t>
  </si>
  <si>
    <t>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t>
  </si>
  <si>
    <t>I like the environment and surrounds I live in
(Measured 'strongly disagree' (1) to 'strongly agree' (7))</t>
  </si>
  <si>
    <t>There are attractive buildings / homes in my community
(Measured 'strongly disagree' (1) to 'strongly agree' (7))</t>
  </si>
  <si>
    <t>There are attractive natural places in my community e.g. parks, bushland
(Measured 'strongly disagree' (1) to 'strongly agree' (7))</t>
  </si>
  <si>
    <t>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t>
  </si>
  <si>
    <t>Water quality problems other than salinity, in rivers, lake or waterways
(Measured 'Not a problem' (1) to 'Big problem' (7))</t>
  </si>
  <si>
    <t>Soil erosion
(Measured 'Not a problem' (1) to 'Big problem' (7))</t>
  </si>
  <si>
    <t>Poor soil health other than soil erosion e.g. soil compact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 Not a problem</t>
  </si>
  <si>
    <t>% Moderate problem</t>
  </si>
  <si>
    <t>Confidence interval for % Moderate problem</t>
  </si>
  <si>
    <t>%  Big problem</t>
  </si>
  <si>
    <t>Confidence interval for % Not a problem</t>
  </si>
  <si>
    <t>% residents who were very comfortable or prosperous</t>
  </si>
  <si>
    <t>% residents who indicated they were very comfortable (5) or prosperous (6)</t>
  </si>
  <si>
    <t xml:space="preserve">The Personal Wellbeing Index measures a person’s wellbeing on a score from 0-100. This score is calculated based on answers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 residents who reported a score below 6</t>
  </si>
  <si>
    <t>% residents who reported a score of 6 to 8</t>
  </si>
  <si>
    <t>% residents who reported a score of above 8</t>
  </si>
  <si>
    <t xml:space="preserve">The data in this spreadsheet were produced from the 2018 Regional Wellbeing Survey. Information about the survey is available at www.regionalwellbeing.org.au. </t>
  </si>
  <si>
    <t>The data presented in this spreadsheet are from a survey of adult residents of this region. All surveys have some bias in the responses they receive. The 2018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Likelihood of shifting to a new community</t>
  </si>
  <si>
    <t>Access to community events</t>
  </si>
  <si>
    <t>% residents who reported moderate access to community events</t>
  </si>
  <si>
    <t>% residents who reported good or very good access to community events</t>
  </si>
  <si>
    <t>Confidence interval for % who had good or very good access to community events</t>
  </si>
  <si>
    <t>Confidence interval for % who had moderate access to community events</t>
  </si>
  <si>
    <t>Confidence interval for % who had poor or very poor access to community events</t>
  </si>
  <si>
    <t>% residents who reported poor or very poor access to community event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confidence in being able to have a say and being heard) to 7 (high confidence in being able to have a say and being heard).</t>
  </si>
  <si>
    <t>% residents who disagreed</t>
  </si>
  <si>
    <t>Confidence interval for % who disagreed</t>
  </si>
  <si>
    <t>% residents who neither agreed or disagreed</t>
  </si>
  <si>
    <t>Confidence interval for % who neither agreed or disagreed</t>
  </si>
  <si>
    <t>% residents who agreed</t>
  </si>
  <si>
    <t>Confidence interval for % who agreed</t>
  </si>
  <si>
    <t>I would recommend my community to others as a good place to live
(Measured 'strongly disagree' (1) to 'strongly agree' (7))</t>
  </si>
  <si>
    <t>Would recommend community as a good place to live</t>
  </si>
  <si>
    <t>This single item was measured on a 7-point scale, from 'strongly disagree' (1) to 'strongly agree' (7). Respondents were asked: I would recommend my community to others as a good place to live. 
Responses were reported as an average and at the proportional level of disagree/neither/agree.</t>
  </si>
  <si>
    <t>Had to delay or cancel non-essential purchases e.g. holiday, going to a restaurant or movie, buying clothes</t>
  </si>
  <si>
    <t>% residents who had to delay or cancel non-essential purchases</t>
  </si>
  <si>
    <t xml:space="preserve">% residents who selected this </t>
  </si>
  <si>
    <t>Confidence interval for delaying or cancelling non-essential purchases</t>
  </si>
  <si>
    <t>Could not pay bills on time</t>
  </si>
  <si>
    <t>Went without meals, or was unable to heat or cool home</t>
  </si>
  <si>
    <t>Asked for financial help from friends or family</t>
  </si>
  <si>
    <t>% residents who could not pay bills on time</t>
  </si>
  <si>
    <t>Confidence interval for not paying bills on time</t>
  </si>
  <si>
    <t>% residents who went without meals or were unable to heat or cool home</t>
  </si>
  <si>
    <t>Confidence interval for going without meals</t>
  </si>
  <si>
    <t>% residents who asked for financial help</t>
  </si>
  <si>
    <t>Confidence interval for asking for financial help</t>
  </si>
  <si>
    <t>Eudaimonic wellbeing domains</t>
  </si>
  <si>
    <t>Each individual item used to create the Eudaimonic Wellbeing Index is presented individually</t>
  </si>
  <si>
    <t xml:space="preserve">Emotional Affect Index </t>
  </si>
  <si>
    <t>Emotional Affect (average score, from a possible 0-10)</t>
  </si>
  <si>
    <t>Community wellbeing index</t>
  </si>
  <si>
    <t>Community wellbeing domains</t>
  </si>
  <si>
    <t>Community wellbeing (average score, from possible 1-7)</t>
  </si>
  <si>
    <t>Would recommend community</t>
  </si>
  <si>
    <t>Average score, from possible 1-7</t>
  </si>
  <si>
    <t>Community leadership and collaboration measures</t>
  </si>
  <si>
    <t>Each individual item used to create the community leadership and collaboration scale is presented individually</t>
  </si>
  <si>
    <t>Equity and inclusion measures</t>
  </si>
  <si>
    <t>Each individual item used to create the equity and inclusion scale is presented individually</t>
  </si>
  <si>
    <t>Each individual item used to create the sense of belonging scale is presented individually</t>
  </si>
  <si>
    <t>The single item for 'access to community events' is presented</t>
  </si>
  <si>
    <t>Access to health and education services measures</t>
  </si>
  <si>
    <t>Each individual item used to create the access to health and education scale is presented individually</t>
  </si>
  <si>
    <t>Access to roads and public transport measures</t>
  </si>
  <si>
    <t>Each individual item used to create the access to roads and public transport scale is presented individually</t>
  </si>
  <si>
    <t>Access to food measures</t>
  </si>
  <si>
    <t>Each individual item used to create the access to food scale is presented individually</t>
  </si>
  <si>
    <t>Access to financial and professional services (average score, from a possible 1-7)</t>
  </si>
  <si>
    <t>Eudaimonic wellbeing index</t>
  </si>
  <si>
    <t>Each individual item used to create the household financial wellbeing scale is presented individually</t>
  </si>
  <si>
    <t>Financial distress ('no financial distress' (0) to 'highest level of financial distress' (4))</t>
  </si>
  <si>
    <t>Each individual item used to create the community economic wellbeing scale is presented individually</t>
  </si>
  <si>
    <t>Each individual item used to create the self-efficacy scale is presented individually</t>
  </si>
  <si>
    <t>Each individual item used to create the having a say and being heard scale is presented individually</t>
  </si>
  <si>
    <t>Each individual item used to create the getting involved scale is presented individually</t>
  </si>
  <si>
    <t>Each individual item used to create the spending time with friends and family scale is presented individually</t>
  </si>
  <si>
    <t>Each individual item used to create the access to financial and professional services scale is presented individually</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Each individual item used to create the perceived environmental health scale is presented individually</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r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The local landscape and surrounds in this community are….. 
(Measured 'getting worse' (1) to 'getting better' (7))</t>
  </si>
  <si>
    <t>Migration questions were measured using three 7-point scales. One measured the level of satisfaction from 'strongly disagree' (1) to 'strongly agree' (7), and included 'If I could, I would shift to live in another community'. 
One measured the extend of problems/challenges in their community at the moment on a scale from 'not a problem' (1)  to  'very big problem' (7) and included 'People shifting away from the area'.
One measured the likelihood of shifting from their current community on a scale from 'very unlikely' (1) to 'very likely' (5), and included 'how likely are you to shift to a new community in the next 12 months?'
Responses were reported as an average and at the proportional level of disagree/neither/agree, not a problem/low problem/moderate problem/problem, and unlikely/neither/likely.</t>
  </si>
  <si>
    <t>Confidence interval for %  $52,000-$124,999</t>
  </si>
  <si>
    <t>Confidence interval for %  $125,000+</t>
  </si>
  <si>
    <t xml:space="preserve">Regional and rural Australians were asked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are reported as an average and at the proportional level of poor/neither/good access.
</t>
  </si>
  <si>
    <t>Confidence interval for % Not Big problem</t>
  </si>
  <si>
    <t>About the region: ACT and Southern NSW</t>
  </si>
  <si>
    <t>This file provides data from the 2018 Regional Wellbeing Survey for the Australian Capital Territory (ACT) and southern New South Wales (NSW).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ACT; (v) NSW; (vi) regional NSW; and (vii) the Regional Development Australia (RDA) regions of Central Coast &amp; Illawarra, Murray, Riverina, Far South Coast and Southern Inland.</t>
  </si>
  <si>
    <t xml:space="preserve">Berrigan, Federation, Greater Hume &amp; Murrumbidgee are LGAs located in the south of New South Wales. In total, 117 people who live in these LGAs took part in the 2018 Regional Wellbeing Survey. </t>
  </si>
  <si>
    <t xml:space="preserve">Bland, Carrathool, Hay, Lockhart &amp; Narrandera are LGAs located in the south of New South Wales. In total, 71 people who live in these LGAs took part in the 2018 Regional Wellbeing Survey. </t>
  </si>
  <si>
    <t>Griffith is an LGA located in the south of New South Wales. In total, 67 people who live in this LGA took part in the 2018 Regional Wellbeing Survey.</t>
  </si>
  <si>
    <t xml:space="preserve">Snowy Monaro Regional &amp; Snowy Valleys are LGAs located in the south east of New South Wales. In total, 99 people who live in these LGAs took part in the 2018 Regional Wellbeing Survey. </t>
  </si>
  <si>
    <t>Australian Capital Territory</t>
  </si>
  <si>
    <t>New South Wales</t>
  </si>
  <si>
    <t>Regional New South Wales</t>
  </si>
  <si>
    <t xml:space="preserve">Australia includes all of Australia, including all of the major cities. In total, 14,139 people from Australia took part in the 2018 Regional Wellbeing Survey, although not all these people answered every question on the survey. </t>
  </si>
  <si>
    <t xml:space="preserve">Regional Australia includes all of Australia except the cities of Sydney, Melbourne, Adelaide, Brisbane, Perth and Canberra. In total, 10,280 people from regional Australia took part in the 2018 Regional Wellbeing Survey, although not all these people answered every question on the survey. </t>
  </si>
  <si>
    <t xml:space="preserve">Australian Capital Territory (ACT) includes all of ACT, including the city of Canberra.  In total, 343 people from the ACT took part in the 2018 Regional Wellbeing Survey, although not all these people answered every question on the survey. </t>
  </si>
  <si>
    <t xml:space="preserve">The Central Coast &amp; Illawarra regions are Regional Development Australia regions located in the east of New South Wales. The regions include the local government areas (LGAs) of Central Coast, Kiama, Shellharbour and Wollongong. In total, 160 people who live in this region took part in the 2018 Regional Wellbeing Survey. </t>
  </si>
  <si>
    <t xml:space="preserve">The Murray region is a Regional Development Australia region located in the south of New South Wales. The region includes the local government areas (LGAs) of Albury, Balranald, Berrigan, Edward River, Federation, Greater Hume, Murray River, Murrumbidgee and Wentworth. In total, 274 people who live in this region took part in the 2018 Regional Wellbeing Survey. </t>
  </si>
  <si>
    <t xml:space="preserve">Balranald, Edward River, Murray River &amp; Wentworth are LGAs located in the south of New South Wales. In total, 122 people who lived in these LGAs took part in the 2018 Regional Wellbeing Survey. </t>
  </si>
  <si>
    <t xml:space="preserve">The Riverina region is a Regional Development Australia region located in the south of New South Wales. The region includes the local government areas (LGAs) of Bland, Carrathool, Coolamon, Griffith, Gundagai, Hay, Junee, Leeton, Lockhart, Narrandera, Snowy Valleys, Temora and Wagga Wagga. In total, 428 people who live in this region took part in the 2018 Regional Wellbeing Survey. </t>
  </si>
  <si>
    <t xml:space="preserve">Coolamon, Gundagai, Junee &amp; Temora are LGAs located in the south of New South Wales. In total, 76 people who live in these LGAs took part in the 2018 Regional Wellbeing Survey. </t>
  </si>
  <si>
    <t xml:space="preserve">Leeton is an LGA located in the south of New South Wales. In total, 54 people who live in this LGA took part in the 2018 Regional Wellbeing Survey. </t>
  </si>
  <si>
    <t>Wagga Wagga is an LGA located in the south of New South Wales. In total, 116 people who live in this LGA took part in the 2018 Regional Wellbeing Survey.</t>
  </si>
  <si>
    <t xml:space="preserve">The Far South Coast region is a Regional Development Australia region located in the south east of New South Wales. The region includes the local government areas (LGAs) of Bega Valley, Eurobodalla and Shoalhaven, and the Territory of Jervis Bay. In total, 183 people who live in this region took part in the 2018 Regional Wellbeing Survey. </t>
  </si>
  <si>
    <t xml:space="preserve">Bega Valley is an LGA located in the south east of New South Wales. In total, 103 people who live in this LGA took part in the 2018 Regional Wellbeing Survey. </t>
  </si>
  <si>
    <t xml:space="preserve">The Southern Inland region is a Regional Development Australia region located in the south east of New South Wales. The region includes the local government areas (LGAs) of Goulburn Mulwaree, Hilltops, Queanbeyan-Palerang, Snowy Monaro Regional, Upper lachlan, Wingecarribee and Yass Valley. In total, 294 people who live in this region took part in the 2018 Regional Wellbeing Survey. </t>
  </si>
  <si>
    <t xml:space="preserve">Goulburn Mulwaree, Hilltops, Upper Lachlan &amp; Wingecarribee are LGAs located in the south east of New South Wales. In total, 127 people who live in these LGAs took part in the 2018 Regional Wellbeing Survey. </t>
  </si>
  <si>
    <t xml:space="preserve">Queanbeyan-Palerang &amp; Yass Valley are LGAs located in the south east of New South Wales. In total, 112 people who live in these LGAs took part in the 2018 Regional Wellbeing Survey. </t>
  </si>
  <si>
    <t xml:space="preserve">Confidence interval for % who  disagree </t>
  </si>
  <si>
    <t>% residents who rated access as a problem</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Measured using a reversed scale from 1 (strongly agree) to 7 (strongly disagree)</t>
  </si>
  <si>
    <t>Measured using a reversed scale from 1 (very big problem) to 7 (not a problem)</t>
  </si>
  <si>
    <t>Lack of affordable food/groceries at local shops
(Measured 'not a problem' (1) to 'very big problem' (7))</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 xml:space="preserve">Each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Each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Measured from 1 (low levels of community wellbeing) to 7 (high levels of community wellbeing)</t>
  </si>
  <si>
    <t xml:space="preserve">Each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and asked to select one of the following options: 'prosperous; very comfortable; reasonably comfortable; just getting along; poor; 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 
Financial distress is presented at the proportional level of no or very low financial distress (selected none of these), low-moderate financial distress (selected 1 item), and high financial distress (selected 2, 3, or 4 items).</t>
    </r>
    <r>
      <rPr>
        <sz val="12"/>
        <color rgb="FFFF0000"/>
        <rFont val="Calibri"/>
        <family val="2"/>
        <scheme val="minor"/>
      </rPr>
      <t xml:space="preserve">
</t>
    </r>
    <r>
      <rPr>
        <sz val="12"/>
        <rFont val="Calibri"/>
        <family val="2"/>
        <scheme val="minor"/>
      </rPr>
      <t xml:space="preserve">Responses to each individual financial stressor is also presented. </t>
    </r>
  </si>
  <si>
    <t>Each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xml:space="preserve">Average score (mean)   </t>
  </si>
  <si>
    <t xml:space="preserve">Average score (mean), excluding don't know responses   </t>
  </si>
  <si>
    <t>Each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Each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Each item used to create the 'sense of belonging' scale is presented individually. 
The questions were measured on a 7-point scale, from 'strongly disagree' (1) to 'strongly agree' (7), and included: 
 (i) I feel welcome here; (ii) I feel part of my community; and (iii) I feel like an outsider here</t>
  </si>
  <si>
    <t>Each item used to create the 'access to roads and public transport' scale is presented individually. 
The questions were measured on a 7-point scale, from 'very poor' (1) to 'very good' (7), and included: 
(i) Quality of local roads; and (ii) Access to public transport (including taxis, buses, trains).</t>
  </si>
  <si>
    <t>Each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Each item used to create the 'equity and inclusion' scale is presented individually. 
Two items were measured on a 7-point scale, from 'strongly disagree' (1) to 'strongly agree' (7), and included: (i) Some groups in this community keep to themselves; and (ii) Some individuals get left out in this community. 
The third itm 'Conflict/disagreement between some people' was measured from 'not a problem' (1) to 'very big problem' (7).
The mean scores were reversed to represent 'low equity and inclusion' (1) to 'high equity and inclusion' (7)</t>
  </si>
  <si>
    <t>Each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 xml:space="preserve">Access to food was measured by asking respondents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to these statements were averaged to form a single measure of access to food by (i) reversing the scoring of ‘lack of affordable food/groceries at local shops’, so that low scores indicated poor access to affordable food, and high scores indicated good access to affordable food; and (ii) calculating the average score across the three variables. </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were reported as an average and at the proportional level of poor/moderate/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Each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Each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 xml:space="preserve">Each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Each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Each item used to create the 'access to health, education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quality of local schools (v) access to child car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 from 'getting worse' (1) to 'getting better' (7). 
Responses were reported as an average and at the proportional level of getting worse/neither/getting better.</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 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i) Mobile phone reception and (ii) access to high speed, reliable internet. Scores of 1 indicated low quality access and a score of 7 high quality access to telecommunications.
</t>
  </si>
  <si>
    <t xml:space="preserve">Urban Australia includes the cities and surrounding suburban areas of Sydney, Melbourne, Adelaide, Brisbane, Perth and Canberra. In total, 3,859 people from these cities took part in the 2018 Regional Wellbeing Survey, although not all these people answered every question on the survey. </t>
  </si>
  <si>
    <t xml:space="preserve">New South Wales (NSW) includes all of NSW, including the large metropolitan areas of Sydney and surrounding suburban areas. In total, 3,650 people from NSW took part in the 2018 Regional Wellbeing Survey, although not all these people answered every question on the survey.  </t>
  </si>
  <si>
    <t xml:space="preserve">Regional New South Wales (NSW) includes all of NSW except the large metropolitan areas of Sydney and surrounding suburban areas. In total, 2,982 people who live in regional NSW took part in the 2018 Regional Wellbeing Survey, although not all these people answered every question on the survey. </t>
  </si>
  <si>
    <t xml:space="preserve">You may reproduce the data in this spreadsheet for any purpose, providing you acknowledge the data source. Data should be cited as being sourced from the 2018 Regional Wellbeing Survey, ACT &amp; Southern NSW data tables, Version 1.02 January 2020.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421">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9" applyFont="1" applyFill="1" applyBorder="1" applyAlignment="1">
      <alignment horizontal="left" vertical="top" wrapText="1"/>
    </xf>
    <xf numFmtId="168" fontId="18" fillId="6" borderId="1" xfId="29" applyNumberFormat="1" applyFont="1" applyFill="1" applyBorder="1" applyAlignment="1">
      <alignment horizontal="left" vertical="top" wrapText="1"/>
    </xf>
    <xf numFmtId="168" fontId="19" fillId="6" borderId="1" xfId="29"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9"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9" quotePrefix="1" applyFont="1" applyFill="1" applyBorder="1" applyAlignment="1">
      <alignment horizontal="left" vertical="top" wrapText="1"/>
    </xf>
    <xf numFmtId="0" fontId="18" fillId="7" borderId="1" xfId="29" applyFont="1" applyFill="1" applyBorder="1" applyAlignment="1">
      <alignment horizontal="left" vertical="top" wrapText="1"/>
    </xf>
    <xf numFmtId="168" fontId="18" fillId="7" borderId="1" xfId="29" applyNumberFormat="1" applyFont="1" applyFill="1" applyBorder="1" applyAlignment="1">
      <alignment horizontal="left" vertical="top" wrapText="1"/>
    </xf>
    <xf numFmtId="168" fontId="19" fillId="7" borderId="1" xfId="29"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9"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3" applyNumberFormat="1" applyFont="1" applyFill="1" applyBorder="1" applyAlignment="1">
      <alignment horizontal="left" vertical="center"/>
    </xf>
    <xf numFmtId="168" fontId="20" fillId="0" borderId="1" xfId="31"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1"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5" fontId="20" fillId="0" borderId="1" xfId="30"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5" fontId="20" fillId="4" borderId="1" xfId="30"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0"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7" fontId="19" fillId="7" borderId="1" xfId="29" applyNumberFormat="1" applyFont="1" applyFill="1" applyBorder="1" applyAlignment="1">
      <alignment horizontal="left" vertical="top" wrapText="1"/>
    </xf>
    <xf numFmtId="167" fontId="19" fillId="6" borderId="1" xfId="29"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8"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8"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27" applyNumberFormat="1" applyFont="1" applyFill="1" applyBorder="1" applyAlignment="1">
      <alignment horizontal="left" vertical="center"/>
    </xf>
    <xf numFmtId="168" fontId="20"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0"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8" fontId="20" fillId="4" borderId="1" xfId="36"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4" applyNumberFormat="1" applyFont="1" applyFill="1" applyBorder="1" applyAlignment="1">
      <alignment horizontal="left" vertical="center"/>
    </xf>
    <xf numFmtId="168" fontId="20" fillId="0" borderId="1" xfId="34" applyNumberFormat="1" applyFont="1" applyFill="1" applyBorder="1" applyAlignment="1">
      <alignment horizontal="left" vertical="center"/>
    </xf>
    <xf numFmtId="165" fontId="20" fillId="4" borderId="1" xfId="34" applyNumberFormat="1" applyFont="1" applyFill="1" applyBorder="1" applyAlignment="1">
      <alignment horizontal="left" vertical="center"/>
    </xf>
    <xf numFmtId="168" fontId="20" fillId="4" borderId="1" xfId="34" applyNumberFormat="1" applyFont="1" applyFill="1" applyBorder="1" applyAlignment="1">
      <alignment horizontal="left" vertical="center"/>
    </xf>
    <xf numFmtId="164" fontId="20" fillId="0" borderId="1" xfId="3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9"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9"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7" applyNumberFormat="1" applyFont="1" applyFill="1" applyBorder="1" applyAlignment="1">
      <alignment horizontal="left" vertical="center"/>
    </xf>
    <xf numFmtId="164" fontId="20" fillId="0" borderId="1" xfId="37" applyNumberFormat="1" applyFont="1" applyFill="1" applyBorder="1" applyAlignment="1">
      <alignment horizontal="left" vertical="center"/>
    </xf>
    <xf numFmtId="165" fontId="20" fillId="4" borderId="1" xfId="37" applyNumberFormat="1" applyFont="1" applyFill="1" applyBorder="1" applyAlignment="1">
      <alignment horizontal="left" vertical="center"/>
    </xf>
    <xf numFmtId="164" fontId="20" fillId="4" borderId="1" xfId="37"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4" fontId="20" fillId="0" borderId="1" xfId="32" applyNumberFormat="1" applyFont="1" applyFill="1" applyBorder="1" applyAlignment="1">
      <alignment horizontal="left" vertical="center"/>
    </xf>
    <xf numFmtId="164" fontId="20" fillId="4" borderId="1" xfId="32"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xf numFmtId="0" fontId="32" fillId="3" borderId="0" xfId="1" quotePrefix="1" applyFont="1" applyFill="1"/>
    <xf numFmtId="0" fontId="15" fillId="0" borderId="0" xfId="3"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0" fontId="15" fillId="0" borderId="0" xfId="4" quotePrefix="1" applyFont="1" applyFill="1" applyBorder="1" applyAlignment="1">
      <alignment vertical="top" wrapText="1"/>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167" fontId="19" fillId="7" borderId="3" xfId="29"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5" quotePrefix="1" applyFont="1" applyFill="1" applyBorder="1" applyAlignment="1">
      <alignment vertical="top" wrapText="1"/>
    </xf>
    <xf numFmtId="0" fontId="19" fillId="6" borderId="1" xfId="29"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9"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9"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29" applyNumberFormat="1" applyFont="1" applyFill="1" applyBorder="1" applyAlignment="1">
      <alignment horizontal="left" vertical="center"/>
    </xf>
    <xf numFmtId="167" fontId="20" fillId="4" borderId="1" xfId="29" applyNumberFormat="1" applyFont="1" applyFill="1" applyBorder="1" applyAlignment="1">
      <alignment horizontal="left" vertical="center"/>
    </xf>
    <xf numFmtId="167" fontId="20" fillId="0" borderId="1" xfId="31" applyNumberFormat="1" applyFont="1" applyFill="1" applyBorder="1" applyAlignment="1">
      <alignment horizontal="left" vertical="center"/>
    </xf>
    <xf numFmtId="167" fontId="22" fillId="0" borderId="1" xfId="33" applyNumberFormat="1" applyFont="1" applyFill="1" applyBorder="1" applyAlignment="1">
      <alignment horizontal="left" vertical="center"/>
    </xf>
    <xf numFmtId="167" fontId="20" fillId="0" borderId="1" xfId="33" applyNumberFormat="1" applyFont="1" applyFill="1" applyBorder="1" applyAlignment="1">
      <alignment horizontal="left" vertical="center"/>
    </xf>
    <xf numFmtId="167" fontId="20" fillId="4" borderId="1" xfId="31" applyNumberFormat="1" applyFont="1" applyFill="1" applyBorder="1" applyAlignment="1">
      <alignment horizontal="left" vertical="center"/>
    </xf>
    <xf numFmtId="167" fontId="22" fillId="4" borderId="1" xfId="33" applyNumberFormat="1" applyFont="1" applyFill="1" applyBorder="1" applyAlignment="1">
      <alignment horizontal="left" vertical="center"/>
    </xf>
    <xf numFmtId="167" fontId="20" fillId="4" borderId="1" xfId="33"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0"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0" applyNumberFormat="1" applyFont="1" applyFill="1" applyBorder="1" applyAlignment="1">
      <alignment horizontal="left" vertical="center"/>
    </xf>
    <xf numFmtId="167" fontId="20" fillId="0" borderId="1" xfId="25" applyNumberFormat="1" applyFont="1" applyFill="1" applyBorder="1" applyAlignment="1">
      <alignment horizontal="left" vertical="center"/>
    </xf>
    <xf numFmtId="167" fontId="22" fillId="0" borderId="1" xfId="25" applyNumberFormat="1" applyFont="1" applyFill="1" applyBorder="1" applyAlignment="1">
      <alignment horizontal="left" vertical="center"/>
    </xf>
    <xf numFmtId="0" fontId="14" fillId="4" borderId="0" xfId="0" applyFont="1" applyFill="1" applyBorder="1" applyAlignment="1">
      <alignment vertical="top"/>
    </xf>
    <xf numFmtId="0" fontId="15" fillId="0" borderId="0" xfId="4"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5" fillId="0" borderId="0" xfId="3" quotePrefix="1" applyFont="1" applyFill="1" applyBorder="1" applyAlignment="1">
      <alignment vertical="top" wrapText="1"/>
    </xf>
    <xf numFmtId="0" fontId="16" fillId="5" borderId="6" xfId="29" quotePrefix="1" applyFont="1" applyFill="1" applyBorder="1" applyAlignment="1">
      <alignment vertical="top" wrapText="1"/>
    </xf>
    <xf numFmtId="0" fontId="16" fillId="5" borderId="2" xfId="29" quotePrefix="1" applyFont="1" applyFill="1" applyBorder="1" applyAlignment="1">
      <alignment vertical="top" wrapText="1"/>
    </xf>
    <xf numFmtId="0" fontId="0" fillId="0" borderId="0" xfId="0" applyAlignment="1"/>
    <xf numFmtId="0" fontId="0" fillId="0" borderId="0" xfId="0" applyFill="1" applyAlignment="1"/>
    <xf numFmtId="0" fontId="16" fillId="5" borderId="6" xfId="23" applyFont="1" applyFill="1" applyBorder="1" applyAlignment="1">
      <alignment vertical="top" wrapText="1"/>
    </xf>
    <xf numFmtId="0" fontId="16" fillId="5" borderId="1" xfId="23" applyFont="1" applyFill="1" applyBorder="1" applyAlignment="1">
      <alignment horizontal="left" vertical="top"/>
    </xf>
    <xf numFmtId="0" fontId="5" fillId="2" borderId="0" xfId="0" applyFont="1" applyFill="1" applyAlignment="1">
      <alignment wrapText="1"/>
    </xf>
    <xf numFmtId="0" fontId="16" fillId="5" borderId="1" xfId="29" quotePrefix="1" applyFont="1" applyFill="1" applyBorder="1" applyAlignment="1">
      <alignment horizontal="left" vertical="top" wrapText="1"/>
    </xf>
    <xf numFmtId="0" fontId="33"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26" fillId="3" borderId="0" xfId="0" applyFont="1" applyFill="1" applyBorder="1" applyAlignment="1">
      <alignment wrapText="1"/>
    </xf>
    <xf numFmtId="0" fontId="26" fillId="3" borderId="0" xfId="0" applyFont="1" applyFill="1" applyBorder="1" applyAlignment="1">
      <alignment vertical="top" wrapText="1"/>
    </xf>
    <xf numFmtId="0" fontId="0" fillId="3" borderId="0" xfId="0" quotePrefix="1" applyFill="1"/>
    <xf numFmtId="0" fontId="0" fillId="3" borderId="0" xfId="0" applyFill="1"/>
    <xf numFmtId="0" fontId="0" fillId="3" borderId="0" xfId="0" quotePrefix="1" applyFill="1"/>
    <xf numFmtId="0" fontId="16" fillId="5" borderId="1" xfId="29" quotePrefix="1" applyFont="1" applyFill="1" applyBorder="1" applyAlignment="1">
      <alignment horizontal="left" vertical="top" wrapText="1"/>
    </xf>
    <xf numFmtId="0" fontId="27" fillId="3" borderId="0" xfId="0" applyFont="1" applyFill="1" applyAlignment="1">
      <alignment vertical="center" wrapText="1"/>
    </xf>
    <xf numFmtId="0" fontId="27" fillId="3" borderId="0" xfId="0" applyFont="1" applyFill="1" applyBorder="1" applyAlignment="1">
      <alignment vertical="top" wrapText="1"/>
    </xf>
    <xf numFmtId="0" fontId="26" fillId="3" borderId="0" xfId="0" applyFont="1" applyFill="1" applyAlignment="1">
      <alignment vertical="center" wrapText="1"/>
    </xf>
    <xf numFmtId="0" fontId="27" fillId="3" borderId="0" xfId="0" applyFont="1" applyFill="1" applyBorder="1" applyAlignment="1">
      <alignment wrapText="1"/>
    </xf>
    <xf numFmtId="0" fontId="27" fillId="2" borderId="0" xfId="0" applyFont="1" applyFill="1" applyAlignment="1">
      <alignment wrapText="1"/>
    </xf>
    <xf numFmtId="0" fontId="16" fillId="5" borderId="6" xfId="23" applyFont="1" applyFill="1" applyBorder="1" applyAlignment="1">
      <alignment vertical="top" wrapText="1"/>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1" fontId="32" fillId="3" borderId="0" xfId="1" applyNumberFormat="1" applyFont="1" applyFill="1" applyAlignment="1">
      <alignment horizontal="left"/>
    </xf>
    <xf numFmtId="0" fontId="8" fillId="3" borderId="0" xfId="0" applyFont="1" applyFill="1" applyAlignment="1">
      <alignment horizontal="left"/>
    </xf>
    <xf numFmtId="0" fontId="13" fillId="3" borderId="0" xfId="0" applyFont="1" applyFill="1" applyAlignment="1">
      <alignment horizontal="left"/>
    </xf>
    <xf numFmtId="0" fontId="3" fillId="3" borderId="0" xfId="1" applyFill="1" applyAlignment="1">
      <alignment horizontal="left"/>
    </xf>
    <xf numFmtId="0" fontId="32" fillId="3" borderId="0" xfId="1" applyFont="1" applyFill="1" applyAlignment="1">
      <alignment horizontal="left"/>
    </xf>
    <xf numFmtId="0" fontId="16" fillId="5" borderId="3" xfId="29" quotePrefix="1" applyFont="1" applyFill="1" applyBorder="1" applyAlignment="1">
      <alignment vertical="top" wrapText="1"/>
    </xf>
    <xf numFmtId="0" fontId="16" fillId="5" borderId="4" xfId="29" quotePrefix="1" applyFont="1" applyFill="1" applyBorder="1" applyAlignment="1">
      <alignment vertical="top" wrapText="1"/>
    </xf>
    <xf numFmtId="0" fontId="16" fillId="5" borderId="5" xfId="29" quotePrefix="1" applyFont="1" applyFill="1" applyBorder="1" applyAlignment="1">
      <alignment vertical="top" wrapText="1"/>
    </xf>
    <xf numFmtId="0" fontId="16" fillId="5" borderId="6" xfId="29" quotePrefix="1" applyFont="1" applyFill="1" applyBorder="1" applyAlignment="1">
      <alignment horizontal="left" vertical="top" wrapText="1"/>
    </xf>
    <xf numFmtId="0" fontId="16" fillId="5" borderId="2" xfId="29" quotePrefix="1" applyFont="1" applyFill="1" applyBorder="1" applyAlignment="1">
      <alignment horizontal="left" vertical="top" wrapText="1"/>
    </xf>
    <xf numFmtId="0" fontId="16" fillId="5" borderId="3" xfId="29" quotePrefix="1" applyFont="1" applyFill="1" applyBorder="1" applyAlignment="1">
      <alignment horizontal="left" vertical="top" wrapText="1"/>
    </xf>
    <xf numFmtId="0" fontId="16" fillId="5" borderId="4" xfId="29" quotePrefix="1" applyFont="1" applyFill="1" applyBorder="1" applyAlignment="1">
      <alignment horizontal="left" vertical="top" wrapText="1"/>
    </xf>
    <xf numFmtId="0" fontId="16" fillId="5" borderId="5" xfId="29" quotePrefix="1" applyFont="1" applyFill="1" applyBorder="1" applyAlignment="1">
      <alignment horizontal="left" vertical="top" wrapText="1"/>
    </xf>
    <xf numFmtId="0" fontId="15" fillId="0" borderId="2" xfId="29" quotePrefix="1" applyFont="1" applyFill="1" applyBorder="1" applyAlignment="1">
      <alignment horizontal="left" vertical="top" wrapText="1"/>
    </xf>
    <xf numFmtId="0" fontId="14" fillId="4" borderId="0" xfId="0" applyFont="1" applyFill="1" applyBorder="1" applyAlignment="1">
      <alignment horizontal="left" vertical="top"/>
    </xf>
    <xf numFmtId="0" fontId="14" fillId="4" borderId="0" xfId="0" applyFont="1" applyFill="1" applyBorder="1" applyAlignment="1">
      <alignment vertical="top"/>
    </xf>
    <xf numFmtId="0" fontId="15" fillId="0" borderId="0" xfId="29" applyFont="1" applyFill="1" applyBorder="1" applyAlignment="1">
      <alignment horizontal="left" vertical="top" wrapText="1"/>
    </xf>
    <xf numFmtId="0" fontId="15" fillId="0" borderId="0" xfId="29" quotePrefix="1" applyFont="1" applyFill="1" applyBorder="1" applyAlignment="1">
      <alignment horizontal="left" vertical="top" wrapText="1"/>
    </xf>
    <xf numFmtId="0" fontId="15" fillId="0" borderId="2" xfId="5" quotePrefix="1" applyFont="1" applyFill="1" applyBorder="1" applyAlignment="1">
      <alignment vertical="top" wrapText="1"/>
    </xf>
    <xf numFmtId="0" fontId="15" fillId="0" borderId="2" xfId="5" quotePrefix="1" applyFont="1" applyFill="1" applyBorder="1" applyAlignment="1">
      <alignment horizontal="left" vertical="top" wrapText="1"/>
    </xf>
    <xf numFmtId="0" fontId="16" fillId="5" borderId="1" xfId="23"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5" fillId="0" borderId="0" xfId="2" quotePrefix="1"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6" fillId="5" borderId="6" xfId="6" applyFont="1" applyFill="1" applyBorder="1" applyAlignment="1">
      <alignment horizontal="left" vertical="top" wrapText="1"/>
    </xf>
    <xf numFmtId="0" fontId="16" fillId="5" borderId="2" xfId="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167" fontId="14" fillId="4" borderId="0" xfId="0" applyNumberFormat="1" applyFont="1" applyFill="1" applyBorder="1" applyAlignment="1">
      <alignment horizontal="left" vertical="top"/>
    </xf>
    <xf numFmtId="0" fontId="16" fillId="5" borderId="6" xfId="0" applyFont="1" applyFill="1" applyBorder="1" applyAlignment="1">
      <alignment horizontal="left" vertical="top" wrapText="1"/>
    </xf>
    <xf numFmtId="0" fontId="16" fillId="5" borderId="2" xfId="0"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2" xfId="26" applyFont="1" applyBorder="1" applyAlignment="1">
      <alignment horizontal="left" vertical="top" wrapText="1"/>
    </xf>
    <xf numFmtId="0" fontId="16" fillId="5" borderId="6" xfId="26" applyFont="1" applyFill="1" applyBorder="1" applyAlignment="1">
      <alignment horizontal="left" vertical="top" wrapText="1"/>
    </xf>
    <xf numFmtId="0" fontId="16" fillId="5" borderId="2" xfId="26" applyFont="1" applyFill="1" applyBorder="1" applyAlignment="1">
      <alignment horizontal="left" vertical="top" wrapText="1"/>
    </xf>
    <xf numFmtId="0" fontId="16" fillId="5" borderId="7"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xf>
    <xf numFmtId="0" fontId="16" fillId="5" borderId="5" xfId="26" applyFont="1" applyFill="1" applyBorder="1" applyAlignment="1">
      <alignment horizontal="left" vertical="top"/>
    </xf>
    <xf numFmtId="0" fontId="15" fillId="0" borderId="0" xfId="2" applyFont="1" applyFill="1" applyBorder="1" applyAlignment="1">
      <alignment horizontal="left" vertical="top" wrapText="1"/>
    </xf>
    <xf numFmtId="0" fontId="30" fillId="0" borderId="2" xfId="2" quotePrefix="1" applyFont="1" applyFill="1" applyBorder="1" applyAlignment="1">
      <alignment horizontal="left" vertical="top" wrapText="1"/>
    </xf>
    <xf numFmtId="0" fontId="15" fillId="0" borderId="0" xfId="2" quotePrefix="1" applyFont="1" applyAlignment="1">
      <alignment horizontal="left" vertical="top" wrapText="1"/>
    </xf>
    <xf numFmtId="0" fontId="16" fillId="5" borderId="6" xfId="5" applyFont="1" applyFill="1" applyBorder="1" applyAlignment="1">
      <alignment vertical="top" wrapText="1"/>
    </xf>
    <xf numFmtId="0" fontId="16" fillId="5" borderId="2" xfId="5"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2" xfId="26" applyFont="1" applyFill="1" applyBorder="1" applyAlignment="1">
      <alignment horizontal="left" vertical="top"/>
    </xf>
    <xf numFmtId="0" fontId="15" fillId="0" borderId="0" xfId="5" quotePrefix="1" applyFont="1" applyAlignment="1">
      <alignment horizontal="left" vertical="top" wrapText="1"/>
    </xf>
    <xf numFmtId="0" fontId="16" fillId="5" borderId="3" xfId="26" applyFont="1" applyFill="1" applyBorder="1" applyAlignment="1">
      <alignment horizontal="left" vertical="top"/>
    </xf>
    <xf numFmtId="0" fontId="16" fillId="5" borderId="3" xfId="28" applyFont="1" applyFill="1" applyBorder="1" applyAlignment="1">
      <alignment vertical="top" wrapText="1"/>
    </xf>
    <xf numFmtId="0" fontId="16" fillId="5" borderId="4" xfId="28" applyFont="1" applyFill="1" applyBorder="1" applyAlignment="1">
      <alignment vertical="top" wrapText="1"/>
    </xf>
    <xf numFmtId="0" fontId="16" fillId="5" borderId="1" xfId="0" applyFont="1" applyFill="1" applyBorder="1" applyAlignment="1">
      <alignment horizontal="left" vertical="top"/>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horizontal="left" vertical="top" wrapText="1"/>
    </xf>
    <xf numFmtId="0" fontId="16" fillId="5" borderId="2" xfId="23" applyFont="1" applyFill="1" applyBorder="1" applyAlignment="1">
      <alignment horizontal="left" vertical="top" wrapText="1"/>
    </xf>
    <xf numFmtId="0" fontId="16" fillId="5" borderId="7" xfId="23"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16" fillId="5" borderId="1" xfId="0" applyFont="1" applyFill="1" applyBorder="1" applyAlignment="1">
      <alignment horizontal="left" vertical="top" wrapText="1"/>
    </xf>
    <xf numFmtId="0" fontId="15" fillId="0" borderId="0" xfId="4" quotePrefix="1"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4" xfId="23" applyFont="1" applyFill="1" applyBorder="1" applyAlignment="1">
      <alignment horizontal="left" vertical="top"/>
    </xf>
    <xf numFmtId="0" fontId="16" fillId="5" borderId="5" xfId="23" applyFont="1" applyFill="1" applyBorder="1" applyAlignment="1">
      <alignment horizontal="left" vertical="top"/>
    </xf>
    <xf numFmtId="0" fontId="15" fillId="0" borderId="2" xfId="4" quotePrefix="1" applyFont="1" applyFill="1" applyBorder="1" applyAlignment="1">
      <alignment horizontal="left" vertical="top" wrapText="1"/>
    </xf>
    <xf numFmtId="0" fontId="15" fillId="0" borderId="0" xfId="4" quotePrefix="1" applyFont="1" applyFill="1" applyBorder="1" applyAlignment="1">
      <alignment vertical="top" wrapText="1"/>
    </xf>
    <xf numFmtId="0" fontId="16" fillId="5" borderId="1" xfId="0" quotePrefix="1" applyFont="1" applyFill="1" applyBorder="1" applyAlignment="1">
      <alignment horizontal="left" vertical="top" wrapText="1"/>
    </xf>
    <xf numFmtId="0" fontId="15" fillId="0" borderId="0" xfId="7" quotePrefix="1" applyFont="1" applyAlignment="1">
      <alignment horizontal="left" vertical="top" wrapText="1"/>
    </xf>
    <xf numFmtId="0" fontId="16" fillId="5" borderId="1" xfId="23" quotePrefix="1" applyFont="1" applyFill="1" applyBorder="1" applyAlignment="1">
      <alignment horizontal="lef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6" fillId="5" borderId="1" xfId="23" applyFont="1" applyFill="1" applyBorder="1" applyAlignment="1">
      <alignment horizontal="left" vertical="top"/>
    </xf>
    <xf numFmtId="0" fontId="15" fillId="0" borderId="2" xfId="3" quotePrefix="1"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6" fillId="5" borderId="8" xfId="23" applyFont="1" applyFill="1" applyBorder="1" applyAlignment="1">
      <alignment horizontal="left" vertical="top" wrapText="1"/>
    </xf>
    <xf numFmtId="0" fontId="16" fillId="5" borderId="9" xfId="23" applyFont="1" applyFill="1" applyBorder="1" applyAlignment="1">
      <alignment horizontal="left" vertical="top" wrapText="1"/>
    </xf>
    <xf numFmtId="0" fontId="16" fillId="5" borderId="10" xfId="23" applyFont="1" applyFill="1" applyBorder="1" applyAlignment="1">
      <alignment horizontal="left" vertical="top" wrapText="1"/>
    </xf>
    <xf numFmtId="0" fontId="16" fillId="5" borderId="11" xfId="23" applyFont="1" applyFill="1" applyBorder="1" applyAlignment="1">
      <alignment horizontal="left" vertical="top" wrapText="1"/>
    </xf>
    <xf numFmtId="0" fontId="16" fillId="5" borderId="0" xfId="23" applyFont="1" applyFill="1" applyBorder="1" applyAlignment="1">
      <alignment horizontal="left" vertical="top" wrapText="1"/>
    </xf>
    <xf numFmtId="0" fontId="15" fillId="0" borderId="0" xfId="3" quotePrefix="1" applyFont="1" applyBorder="1" applyAlignment="1">
      <alignment horizontal="left" vertical="top" wrapText="1"/>
    </xf>
    <xf numFmtId="0" fontId="14" fillId="4" borderId="0" xfId="0" applyFont="1" applyFill="1" applyAlignment="1">
      <alignment horizontal="left" vertical="top"/>
    </xf>
    <xf numFmtId="0" fontId="15" fillId="0" borderId="2" xfId="3" quotePrefix="1" applyFont="1" applyBorder="1" applyAlignment="1">
      <alignment horizontal="left" vertical="top" wrapText="1"/>
    </xf>
    <xf numFmtId="0" fontId="15" fillId="0" borderId="0" xfId="3" quotePrefix="1" applyFont="1" applyAlignment="1">
      <alignment horizontal="left" vertical="top" wrapText="1"/>
    </xf>
    <xf numFmtId="0" fontId="14" fillId="4" borderId="0" xfId="0" applyFont="1" applyFill="1" applyBorder="1" applyAlignment="1">
      <alignment horizontal="left" vertical="top" wrapText="1"/>
    </xf>
    <xf numFmtId="0" fontId="15" fillId="0" borderId="2" xfId="3" quotePrefix="1" applyFont="1" applyFill="1" applyBorder="1" applyAlignment="1">
      <alignment vertical="top" wrapText="1"/>
    </xf>
  </cellXfs>
  <cellStyles count="39">
    <cellStyle name="Hyperlink" xfId="1" builtinId="8"/>
    <cellStyle name="Normal" xfId="0" builtinId="0"/>
    <cellStyle name="Normal 2" xfId="38"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7000000}"/>
    <cellStyle name="Normal_Equity" xfId="7" xr:uid="{00000000-0005-0000-0000-000008000000}"/>
    <cellStyle name="Normal_FamilyFriends" xfId="8" xr:uid="{00000000-0005-0000-0000-000009000000}"/>
    <cellStyle name="Normal_GenHealth" xfId="9" xr:uid="{00000000-0005-0000-0000-00000A000000}"/>
    <cellStyle name="Normal_GettingInvolved" xfId="10" xr:uid="{00000000-0005-0000-0000-00000B000000}"/>
    <cellStyle name="Normal_HouseholdFinance" xfId="11" xr:uid="{00000000-0005-0000-0000-00000C000000}"/>
    <cellStyle name="Normal_HouseholdFinWB" xfId="12" xr:uid="{00000000-0005-0000-0000-00000D000000}"/>
    <cellStyle name="Normal_K10" xfId="13" xr:uid="{00000000-0005-0000-0000-00000E000000}"/>
    <cellStyle name="Normal_liveability" xfId="14" xr:uid="{00000000-0005-0000-0000-00000F000000}"/>
    <cellStyle name="Normal_Mean2" xfId="15" xr:uid="{00000000-0005-0000-0000-000010000000}"/>
    <cellStyle name="Normal_Migration" xfId="16" xr:uid="{00000000-0005-0000-0000-000011000000}"/>
    <cellStyle name="Normal_NaturalCap" xfId="17" xr:uid="{00000000-0005-0000-0000-000012000000}"/>
    <cellStyle name="Normal_PhysCrime" xfId="18" xr:uid="{00000000-0005-0000-0000-000013000000}"/>
    <cellStyle name="Normal_PhysFinance" xfId="19" xr:uid="{00000000-0005-0000-0000-000014000000}"/>
    <cellStyle name="Normal_PhysLandscape" xfId="20" xr:uid="{00000000-0005-0000-0000-000015000000}"/>
    <cellStyle name="Normal_PhysTelecom" xfId="21" xr:uid="{00000000-0005-0000-0000-000016000000}"/>
    <cellStyle name="Normal_PWI_1" xfId="22" xr:uid="{00000000-0005-0000-0000-000017000000}"/>
    <cellStyle name="Normal_Self efficacy" xfId="23" xr:uid="{00000000-0005-0000-0000-000018000000}"/>
    <cellStyle name="Normal_Sheet1" xfId="24" xr:uid="{00000000-0005-0000-0000-000019000000}"/>
    <cellStyle name="Normal_Sheet1_1" xfId="25" xr:uid="{00000000-0005-0000-0000-00001A000000}"/>
    <cellStyle name="Normal_Sheet10" xfId="26" xr:uid="{00000000-0005-0000-0000-00001B000000}"/>
    <cellStyle name="Normal_Sheet12" xfId="27" xr:uid="{00000000-0005-0000-0000-00001C000000}"/>
    <cellStyle name="Normal_Sheet13" xfId="28" xr:uid="{00000000-0005-0000-0000-00001D000000}"/>
    <cellStyle name="Normal_Sheet2_1" xfId="29" xr:uid="{00000000-0005-0000-0000-00001E000000}"/>
    <cellStyle name="Normal_Sheet4" xfId="30" xr:uid="{00000000-0005-0000-0000-00001F000000}"/>
    <cellStyle name="Normal_Sheet5" xfId="31" xr:uid="{00000000-0005-0000-0000-000020000000}"/>
    <cellStyle name="Normal_Sheet5_1" xfId="32" xr:uid="{00000000-0005-0000-0000-000021000000}"/>
    <cellStyle name="Normal_Sheet6" xfId="33" xr:uid="{00000000-0005-0000-0000-000022000000}"/>
    <cellStyle name="Normal_Sheet7" xfId="34" xr:uid="{00000000-0005-0000-0000-000023000000}"/>
    <cellStyle name="Normal_Sheet7_1" xfId="35" xr:uid="{00000000-0005-0000-0000-000024000000}"/>
    <cellStyle name="Normal_Sheet8" xfId="36" xr:uid="{00000000-0005-0000-0000-000025000000}"/>
    <cellStyle name="Normal_Volunteering" xfId="37" xr:uid="{00000000-0005-0000-0000-00002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0</xdr:col>
      <xdr:colOff>448732</xdr:colOff>
      <xdr:row>35</xdr:row>
      <xdr:rowOff>0</xdr:rowOff>
    </xdr:to>
    <xdr:pic>
      <xdr:nvPicPr>
        <xdr:cNvPr id="4" name="Picture 3">
          <a:extLst>
            <a:ext uri="{FF2B5EF4-FFF2-40B4-BE49-F238E27FC236}">
              <a16:creationId xmlns:a16="http://schemas.microsoft.com/office/drawing/2014/main" id="{8D532E7A-9FE1-469C-BDED-EFF835B43FAE}"/>
            </a:ext>
          </a:extLst>
        </xdr:cNvPr>
        <xdr:cNvPicPr>
          <a:picLocks noChangeAspect="1"/>
        </xdr:cNvPicPr>
      </xdr:nvPicPr>
      <xdr:blipFill>
        <a:blip xmlns:r="http://schemas.openxmlformats.org/officeDocument/2006/relationships" r:embed="rId1"/>
        <a:stretch>
          <a:fillRect/>
        </a:stretch>
      </xdr:blipFill>
      <xdr:spPr>
        <a:xfrm>
          <a:off x="0" y="0"/>
          <a:ext cx="12259732" cy="6896100"/>
        </a:xfrm>
        <a:prstGeom prst="rect">
          <a:avLst/>
        </a:prstGeom>
      </xdr:spPr>
    </xdr:pic>
    <xdr:clientData/>
  </xdr:twoCellAnchor>
</xdr:wsDr>
</file>

<file path=xl/theme/theme1.xml><?xml version="1.0" encoding="utf-8"?>
<a:theme xmlns:a="http://schemas.openxmlformats.org/drawingml/2006/main" name="Kilter">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V1" sqref="V1"/>
    </sheetView>
  </sheetViews>
  <sheetFormatPr defaultColWidth="8.85546875" defaultRowHeight="15"/>
  <cols>
    <col min="1" max="16384" width="8.85546875" style="2"/>
  </cols>
  <sheetData>
    <row r="1" spans="11:19" ht="23.25">
      <c r="Q1" s="230"/>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S233"/>
  <sheetViews>
    <sheetView zoomScaleNormal="100" workbookViewId="0"/>
  </sheetViews>
  <sheetFormatPr defaultColWidth="18.5703125" defaultRowHeight="15"/>
  <cols>
    <col min="1" max="1" width="57" customWidth="1"/>
  </cols>
  <sheetData>
    <row r="1" spans="1:4" ht="31.5">
      <c r="A1" s="32" t="s">
        <v>44</v>
      </c>
    </row>
    <row r="3" spans="1:4" ht="18.75">
      <c r="A3" s="340" t="s">
        <v>12</v>
      </c>
      <c r="B3" s="340"/>
      <c r="C3" s="340"/>
      <c r="D3" s="340"/>
    </row>
    <row r="4" spans="1:4" ht="105" customHeight="1">
      <c r="A4" s="394" t="s">
        <v>411</v>
      </c>
      <c r="B4" s="394"/>
      <c r="C4" s="394"/>
      <c r="D4" s="394"/>
    </row>
    <row r="5" spans="1:4" ht="42" customHeight="1">
      <c r="A5" s="392" t="s">
        <v>128</v>
      </c>
      <c r="B5" s="392"/>
      <c r="C5" s="392"/>
      <c r="D5" s="392"/>
    </row>
    <row r="6" spans="1:4" ht="36.75" customHeight="1">
      <c r="A6" s="36" t="s">
        <v>70</v>
      </c>
      <c r="B6" s="37" t="s">
        <v>71</v>
      </c>
      <c r="C6" s="38" t="s">
        <v>593</v>
      </c>
      <c r="D6" s="39" t="s">
        <v>72</v>
      </c>
    </row>
    <row r="7" spans="1:4" ht="75.75" customHeight="1">
      <c r="A7" s="40"/>
      <c r="B7" s="41" t="s">
        <v>73</v>
      </c>
      <c r="C7" s="127" t="s">
        <v>129</v>
      </c>
      <c r="D7" s="43" t="s">
        <v>75</v>
      </c>
    </row>
    <row r="8" spans="1:4">
      <c r="A8" s="44" t="s">
        <v>349</v>
      </c>
      <c r="B8" s="177">
        <v>13948</v>
      </c>
      <c r="C8" s="83">
        <v>4.3597467015894189</v>
      </c>
      <c r="D8" s="84">
        <v>2.1353460682569127E-2</v>
      </c>
    </row>
    <row r="9" spans="1:4">
      <c r="A9" s="48" t="s">
        <v>350</v>
      </c>
      <c r="B9" s="48">
        <v>10229</v>
      </c>
      <c r="C9" s="179">
        <v>4.4106820270049285</v>
      </c>
      <c r="D9" s="131">
        <v>2.4717745520724196E-2</v>
      </c>
    </row>
    <row r="10" spans="1:4">
      <c r="A10" s="44" t="s">
        <v>351</v>
      </c>
      <c r="B10" s="52">
        <v>3719</v>
      </c>
      <c r="C10" s="83">
        <v>4.3184386492961995</v>
      </c>
      <c r="D10" s="84">
        <v>4.2072624713376271E-2</v>
      </c>
    </row>
    <row r="11" spans="1:4">
      <c r="A11" s="48" t="s">
        <v>558</v>
      </c>
      <c r="B11" s="48">
        <v>336</v>
      </c>
      <c r="C11" s="179">
        <v>4.0669384499248222</v>
      </c>
      <c r="D11" s="131">
        <v>0.14272816875018626</v>
      </c>
    </row>
    <row r="12" spans="1:4">
      <c r="A12" s="44" t="s">
        <v>559</v>
      </c>
      <c r="B12" s="52">
        <v>3625</v>
      </c>
      <c r="C12" s="83">
        <v>4.3827622309309726</v>
      </c>
      <c r="D12" s="84">
        <v>4.1102289050293915E-2</v>
      </c>
    </row>
    <row r="13" spans="1:4">
      <c r="A13" s="48" t="s">
        <v>560</v>
      </c>
      <c r="B13" s="48">
        <v>2973</v>
      </c>
      <c r="C13" s="179">
        <v>4.531334730867953</v>
      </c>
      <c r="D13" s="131">
        <v>4.4819333555078861E-2</v>
      </c>
    </row>
    <row r="14" spans="1:4">
      <c r="A14" s="44" t="s">
        <v>368</v>
      </c>
      <c r="B14" s="52">
        <v>159</v>
      </c>
      <c r="C14" s="83">
        <v>4.4620750463418224</v>
      </c>
      <c r="D14" s="84">
        <v>0.20256824620128372</v>
      </c>
    </row>
    <row r="15" spans="1:4">
      <c r="A15" s="48" t="s">
        <v>150</v>
      </c>
      <c r="B15" s="48">
        <v>272</v>
      </c>
      <c r="C15" s="179">
        <v>4.6755937062810888</v>
      </c>
      <c r="D15" s="131">
        <v>0.14224955973160722</v>
      </c>
    </row>
    <row r="16" spans="1:4">
      <c r="A16" s="44" t="s">
        <v>352</v>
      </c>
      <c r="B16" s="52">
        <v>121</v>
      </c>
      <c r="C16" s="83">
        <v>4.7819838074422183</v>
      </c>
      <c r="D16" s="84">
        <v>0.21583955620382986</v>
      </c>
    </row>
    <row r="17" spans="1:25">
      <c r="A17" s="48" t="s">
        <v>353</v>
      </c>
      <c r="B17" s="48">
        <v>116</v>
      </c>
      <c r="C17" s="179">
        <v>4.5585234768904686</v>
      </c>
      <c r="D17" s="131">
        <v>0.22500557090033804</v>
      </c>
    </row>
    <row r="18" spans="1:25">
      <c r="A18" s="44" t="s">
        <v>369</v>
      </c>
      <c r="B18" s="177">
        <v>427</v>
      </c>
      <c r="C18" s="83">
        <v>4.397431292114879</v>
      </c>
      <c r="D18" s="84">
        <v>0.11925580747830791</v>
      </c>
    </row>
    <row r="19" spans="1:25">
      <c r="A19" s="48" t="s">
        <v>354</v>
      </c>
      <c r="B19" s="178">
        <v>71</v>
      </c>
      <c r="C19" s="179">
        <v>4.5641502510229888</v>
      </c>
      <c r="D19" s="131">
        <v>0.29075500581581037</v>
      </c>
    </row>
    <row r="20" spans="1:25">
      <c r="A20" s="44" t="s">
        <v>355</v>
      </c>
      <c r="B20" s="82">
        <v>76</v>
      </c>
      <c r="C20" s="83">
        <v>4.6004132490708036</v>
      </c>
      <c r="D20" s="84">
        <v>0.28173418030714603</v>
      </c>
      <c r="P20" s="245"/>
      <c r="Q20" s="245"/>
      <c r="R20" s="245"/>
      <c r="S20" s="245"/>
      <c r="T20" s="245"/>
      <c r="U20" s="245"/>
      <c r="V20" s="245"/>
      <c r="W20" s="245"/>
      <c r="X20" s="245"/>
      <c r="Y20" s="245"/>
    </row>
    <row r="21" spans="1:25">
      <c r="A21" s="48" t="s">
        <v>356</v>
      </c>
      <c r="B21" s="178">
        <v>67</v>
      </c>
      <c r="C21" s="179">
        <v>4.4541784103758202</v>
      </c>
      <c r="D21" s="131">
        <v>0.31847428828225727</v>
      </c>
      <c r="P21" s="245"/>
      <c r="Q21" s="245"/>
      <c r="R21" s="245"/>
      <c r="S21" s="245"/>
      <c r="T21" s="245"/>
      <c r="U21" s="245"/>
      <c r="V21" s="245"/>
      <c r="W21" s="245"/>
      <c r="X21" s="245"/>
      <c r="Y21" s="245"/>
    </row>
    <row r="22" spans="1:25">
      <c r="A22" s="56" t="s">
        <v>357</v>
      </c>
      <c r="B22" s="177">
        <v>53</v>
      </c>
      <c r="C22" s="83">
        <v>4.2725934204122007</v>
      </c>
      <c r="D22" s="84">
        <v>0.30374442972350107</v>
      </c>
      <c r="P22" s="245"/>
      <c r="Q22" s="245"/>
      <c r="R22" s="245"/>
      <c r="S22" s="245"/>
      <c r="T22" s="245"/>
      <c r="U22" s="245"/>
      <c r="V22" s="245"/>
      <c r="W22" s="245"/>
      <c r="X22" s="245"/>
      <c r="Y22" s="245"/>
    </row>
    <row r="23" spans="1:25">
      <c r="A23" s="48" t="s">
        <v>358</v>
      </c>
      <c r="B23" s="178">
        <v>99</v>
      </c>
      <c r="C23" s="179">
        <v>4.4873469596115401</v>
      </c>
      <c r="D23" s="131">
        <v>0.24904596614585606</v>
      </c>
      <c r="P23" s="245"/>
      <c r="Q23" s="245"/>
      <c r="R23" s="245"/>
      <c r="S23" s="245"/>
      <c r="T23" s="245"/>
      <c r="U23" s="245"/>
      <c r="V23" s="245"/>
      <c r="W23" s="245"/>
      <c r="X23" s="245"/>
      <c r="Y23" s="245"/>
    </row>
    <row r="24" spans="1:25">
      <c r="A24" s="56" t="s">
        <v>359</v>
      </c>
      <c r="B24" s="177">
        <v>116</v>
      </c>
      <c r="C24" s="83">
        <v>4.2179720294617082</v>
      </c>
      <c r="D24" s="84">
        <v>0.23692384939598157</v>
      </c>
      <c r="P24" s="245"/>
      <c r="Q24" s="245"/>
      <c r="R24" s="245"/>
      <c r="S24" s="245"/>
      <c r="T24" s="245"/>
      <c r="U24" s="245"/>
      <c r="V24" s="245"/>
      <c r="W24" s="245"/>
      <c r="X24" s="245"/>
      <c r="Y24" s="245"/>
    </row>
    <row r="25" spans="1:25">
      <c r="A25" s="48" t="s">
        <v>371</v>
      </c>
      <c r="B25" s="178">
        <v>182</v>
      </c>
      <c r="C25" s="179">
        <v>4.4848572730198661</v>
      </c>
      <c r="D25" s="131">
        <v>0.18026754145046159</v>
      </c>
      <c r="P25" s="245"/>
      <c r="Q25" s="245"/>
      <c r="R25" s="245"/>
      <c r="S25" s="245"/>
      <c r="T25" s="245"/>
      <c r="U25" s="245"/>
      <c r="V25" s="245"/>
      <c r="W25" s="245"/>
      <c r="X25" s="245"/>
      <c r="Y25" s="245"/>
    </row>
    <row r="26" spans="1:25">
      <c r="A26" s="56" t="s">
        <v>360</v>
      </c>
      <c r="B26" s="177">
        <v>102</v>
      </c>
      <c r="C26" s="83">
        <v>4.4663238659517885</v>
      </c>
      <c r="D26" s="84">
        <v>0.23542704502128359</v>
      </c>
      <c r="P26" s="245"/>
      <c r="Q26" s="245"/>
      <c r="R26" s="245"/>
      <c r="S26" s="245"/>
      <c r="T26" s="245"/>
      <c r="U26" s="245"/>
      <c r="V26" s="245"/>
      <c r="W26" s="245"/>
      <c r="X26" s="245"/>
      <c r="Y26" s="245"/>
    </row>
    <row r="27" spans="1:25">
      <c r="A27" s="48" t="s">
        <v>370</v>
      </c>
      <c r="B27" s="178">
        <v>294</v>
      </c>
      <c r="C27" s="179">
        <v>4.4281425475229428</v>
      </c>
      <c r="D27" s="131">
        <v>0.14322146422389204</v>
      </c>
      <c r="P27" s="245"/>
      <c r="Q27" s="245"/>
      <c r="R27" s="245"/>
      <c r="S27" s="245"/>
      <c r="T27" s="245"/>
      <c r="U27" s="245"/>
      <c r="V27" s="245"/>
      <c r="W27" s="245"/>
      <c r="X27" s="245"/>
      <c r="Y27" s="245"/>
    </row>
    <row r="28" spans="1:25">
      <c r="A28" s="56" t="s">
        <v>361</v>
      </c>
      <c r="B28" s="177">
        <v>127</v>
      </c>
      <c r="C28" s="83">
        <v>4.4127371721667403</v>
      </c>
      <c r="D28" s="84">
        <v>0.21947844852909643</v>
      </c>
      <c r="P28" s="245"/>
      <c r="Q28" s="245"/>
      <c r="R28" s="245"/>
      <c r="S28" s="245"/>
      <c r="T28" s="245"/>
      <c r="U28" s="245"/>
      <c r="V28" s="245"/>
      <c r="W28" s="245"/>
      <c r="X28" s="245"/>
      <c r="Y28" s="245"/>
    </row>
    <row r="29" spans="1:25">
      <c r="A29" s="48" t="s">
        <v>375</v>
      </c>
      <c r="B29" s="178">
        <v>112</v>
      </c>
      <c r="C29" s="179">
        <v>4.4321293835238942</v>
      </c>
      <c r="D29" s="131">
        <v>0.2245903288563775</v>
      </c>
      <c r="P29" s="245"/>
      <c r="Q29" s="245"/>
      <c r="R29" s="245"/>
      <c r="S29" s="245"/>
      <c r="T29" s="245"/>
      <c r="U29" s="245"/>
      <c r="V29" s="245"/>
      <c r="W29" s="245"/>
      <c r="X29" s="245"/>
      <c r="Y29" s="245"/>
    </row>
    <row r="30" spans="1:25">
      <c r="A30" s="56" t="s">
        <v>358</v>
      </c>
      <c r="B30" s="177">
        <v>99</v>
      </c>
      <c r="C30" s="83">
        <v>4.4873469596115401</v>
      </c>
      <c r="D30" s="84">
        <v>0.24904596614585606</v>
      </c>
      <c r="P30" s="245"/>
      <c r="Q30" s="245"/>
      <c r="R30" s="245"/>
      <c r="S30" s="245"/>
      <c r="T30" s="245"/>
      <c r="U30" s="245"/>
      <c r="V30" s="245"/>
      <c r="W30" s="245"/>
      <c r="X30" s="245"/>
      <c r="Y30" s="245"/>
    </row>
    <row r="31" spans="1:25">
      <c r="P31" s="245"/>
      <c r="Q31" s="245"/>
      <c r="R31" s="245"/>
      <c r="S31" s="245"/>
      <c r="T31" s="245"/>
      <c r="U31" s="245"/>
      <c r="V31" s="245"/>
      <c r="W31" s="245"/>
      <c r="X31" s="245"/>
      <c r="Y31" s="245"/>
    </row>
    <row r="32" spans="1:25" ht="18.75">
      <c r="A32" s="340" t="s">
        <v>45</v>
      </c>
      <c r="B32" s="340"/>
      <c r="C32" s="340"/>
      <c r="D32" s="340"/>
      <c r="E32" s="340"/>
      <c r="F32" s="340"/>
      <c r="G32" s="340"/>
      <c r="H32" s="340"/>
      <c r="I32" s="340"/>
      <c r="J32" s="340"/>
      <c r="K32" s="340"/>
      <c r="L32" s="340"/>
      <c r="M32" s="340"/>
      <c r="N32" s="340"/>
      <c r="O32" s="340"/>
      <c r="P32" s="340"/>
      <c r="Q32" s="340"/>
      <c r="R32" s="340"/>
      <c r="S32" s="340"/>
      <c r="T32" s="340"/>
      <c r="U32" s="340"/>
      <c r="V32" s="340"/>
      <c r="W32" s="245"/>
      <c r="X32" s="245"/>
      <c r="Y32" s="245"/>
    </row>
    <row r="33" spans="1:45" ht="66" customHeight="1">
      <c r="A33" s="400" t="s">
        <v>596</v>
      </c>
      <c r="B33" s="400"/>
      <c r="C33" s="400"/>
      <c r="D33" s="400"/>
      <c r="E33" s="400"/>
      <c r="F33" s="400"/>
      <c r="G33" s="400"/>
      <c r="H33" s="400"/>
      <c r="I33" s="400"/>
      <c r="J33" s="400"/>
      <c r="K33" s="400"/>
      <c r="L33" s="400"/>
      <c r="M33" s="400"/>
      <c r="N33" s="400"/>
      <c r="O33" s="400"/>
      <c r="P33" s="400"/>
      <c r="Q33" s="400"/>
      <c r="R33" s="400"/>
      <c r="S33" s="400"/>
      <c r="T33" s="400"/>
      <c r="U33" s="400"/>
      <c r="V33" s="400"/>
      <c r="W33" s="245"/>
      <c r="X33" s="245"/>
      <c r="Y33" s="245"/>
    </row>
    <row r="34" spans="1:45" ht="37.5" customHeight="1">
      <c r="A34" s="63"/>
      <c r="B34" s="346" t="s">
        <v>272</v>
      </c>
      <c r="C34" s="407"/>
      <c r="D34" s="407"/>
      <c r="E34" s="407"/>
      <c r="F34" s="407"/>
      <c r="G34" s="407"/>
      <c r="H34" s="407"/>
      <c r="I34" s="346" t="s">
        <v>412</v>
      </c>
      <c r="J34" s="407"/>
      <c r="K34" s="407"/>
      <c r="L34" s="407"/>
      <c r="M34" s="407"/>
      <c r="N34" s="407"/>
      <c r="O34" s="407"/>
      <c r="P34" s="302" t="s">
        <v>273</v>
      </c>
      <c r="Q34" s="302"/>
      <c r="R34" s="302"/>
      <c r="S34" s="302"/>
      <c r="T34" s="302"/>
      <c r="U34" s="302"/>
      <c r="V34" s="302"/>
      <c r="W34" s="300"/>
      <c r="X34" s="300"/>
      <c r="Y34" s="299"/>
      <c r="Z34" s="299"/>
      <c r="AA34" s="299"/>
      <c r="AB34" s="299"/>
      <c r="AC34" s="299"/>
      <c r="AD34" s="299"/>
      <c r="AE34" s="299"/>
      <c r="AF34" s="299"/>
      <c r="AG34" s="299"/>
      <c r="AH34" s="299"/>
      <c r="AI34" s="299"/>
      <c r="AJ34" s="299"/>
      <c r="AK34" s="299"/>
      <c r="AL34" s="299"/>
      <c r="AM34" s="299"/>
      <c r="AN34" s="299"/>
      <c r="AO34" s="299"/>
      <c r="AP34" s="299"/>
      <c r="AQ34" s="299"/>
      <c r="AR34" s="299"/>
      <c r="AS34" s="299"/>
    </row>
    <row r="35" spans="1:45" ht="37.5" customHeight="1">
      <c r="A35" s="36" t="s">
        <v>70</v>
      </c>
      <c r="B35" s="37" t="s">
        <v>71</v>
      </c>
      <c r="C35" s="37" t="s">
        <v>130</v>
      </c>
      <c r="D35" s="88" t="s">
        <v>321</v>
      </c>
      <c r="E35" s="37" t="s">
        <v>131</v>
      </c>
      <c r="F35" s="88" t="s">
        <v>322</v>
      </c>
      <c r="G35" s="37" t="s">
        <v>132</v>
      </c>
      <c r="H35" s="88" t="s">
        <v>323</v>
      </c>
      <c r="I35" s="37" t="s">
        <v>71</v>
      </c>
      <c r="J35" s="37" t="s">
        <v>130</v>
      </c>
      <c r="K35" s="88" t="s">
        <v>321</v>
      </c>
      <c r="L35" s="37" t="s">
        <v>131</v>
      </c>
      <c r="M35" s="88" t="s">
        <v>322</v>
      </c>
      <c r="N35" s="37" t="s">
        <v>132</v>
      </c>
      <c r="O35" s="88" t="s">
        <v>323</v>
      </c>
      <c r="P35" s="37" t="s">
        <v>71</v>
      </c>
      <c r="Q35" s="37" t="s">
        <v>130</v>
      </c>
      <c r="R35" s="88" t="s">
        <v>321</v>
      </c>
      <c r="S35" s="37" t="s">
        <v>131</v>
      </c>
      <c r="T35" s="88" t="s">
        <v>322</v>
      </c>
      <c r="U35" s="37" t="s">
        <v>132</v>
      </c>
      <c r="V35" s="88" t="s">
        <v>323</v>
      </c>
    </row>
    <row r="36" spans="1:45" ht="71.25" customHeight="1">
      <c r="A36" s="40"/>
      <c r="B36" s="41" t="s">
        <v>73</v>
      </c>
      <c r="C36" s="41" t="s">
        <v>159</v>
      </c>
      <c r="D36" s="90" t="s">
        <v>87</v>
      </c>
      <c r="E36" s="41" t="s">
        <v>160</v>
      </c>
      <c r="F36" s="90" t="s">
        <v>87</v>
      </c>
      <c r="G36" s="41" t="s">
        <v>161</v>
      </c>
      <c r="H36" s="90" t="s">
        <v>87</v>
      </c>
      <c r="I36" s="41" t="s">
        <v>73</v>
      </c>
      <c r="J36" s="41" t="s">
        <v>159</v>
      </c>
      <c r="K36" s="90" t="s">
        <v>87</v>
      </c>
      <c r="L36" s="41" t="s">
        <v>160</v>
      </c>
      <c r="M36" s="90" t="s">
        <v>87</v>
      </c>
      <c r="N36" s="41" t="s">
        <v>161</v>
      </c>
      <c r="O36" s="90" t="s">
        <v>87</v>
      </c>
      <c r="P36" s="41" t="s">
        <v>73</v>
      </c>
      <c r="Q36" s="41" t="s">
        <v>159</v>
      </c>
      <c r="R36" s="90" t="s">
        <v>87</v>
      </c>
      <c r="S36" s="41" t="s">
        <v>160</v>
      </c>
      <c r="T36" s="90" t="s">
        <v>87</v>
      </c>
      <c r="U36" s="41" t="s">
        <v>161</v>
      </c>
      <c r="V36" s="90" t="s">
        <v>87</v>
      </c>
    </row>
    <row r="37" spans="1:45">
      <c r="A37" s="44" t="s">
        <v>349</v>
      </c>
      <c r="B37" s="177">
        <v>13907</v>
      </c>
      <c r="C37" s="180">
        <v>0.19903370812084747</v>
      </c>
      <c r="D37" s="93">
        <v>6.7716139356468969E-3</v>
      </c>
      <c r="E37" s="180">
        <v>0.1808553717156379</v>
      </c>
      <c r="F37" s="93">
        <v>6.5280375946062024E-3</v>
      </c>
      <c r="G37" s="180">
        <v>0.62011092016352953</v>
      </c>
      <c r="H37" s="93">
        <v>8.2304117240146954E-3</v>
      </c>
      <c r="I37" s="177">
        <v>13846</v>
      </c>
      <c r="J37" s="180">
        <v>0.35481886527751455</v>
      </c>
      <c r="K37" s="93">
        <v>8.1313159600783225E-3</v>
      </c>
      <c r="L37" s="180">
        <v>0.17642583432258463</v>
      </c>
      <c r="M37" s="93">
        <v>6.4792972664904922E-3</v>
      </c>
      <c r="N37" s="180">
        <v>0.46875530039991631</v>
      </c>
      <c r="O37" s="93">
        <v>8.4805887091058737E-3</v>
      </c>
      <c r="P37" s="177">
        <v>13940</v>
      </c>
      <c r="Q37" s="180">
        <v>0.34225069035955757</v>
      </c>
      <c r="R37" s="93">
        <v>8.0362316068750099E-3</v>
      </c>
      <c r="S37" s="180">
        <v>0.17414298561198138</v>
      </c>
      <c r="T37" s="93">
        <v>6.4244163883877669E-3</v>
      </c>
      <c r="U37" s="180">
        <v>0.48360632402847759</v>
      </c>
      <c r="V37" s="93">
        <v>8.4639460387044112E-3</v>
      </c>
    </row>
    <row r="38" spans="1:45">
      <c r="A38" s="48" t="s">
        <v>350</v>
      </c>
      <c r="B38" s="178">
        <v>10202</v>
      </c>
      <c r="C38" s="181">
        <v>0.20167199965186186</v>
      </c>
      <c r="D38" s="96">
        <v>7.9452899268931173E-3</v>
      </c>
      <c r="E38" s="181">
        <v>0.17183980488545875</v>
      </c>
      <c r="F38" s="96">
        <v>7.4705059153115571E-3</v>
      </c>
      <c r="G38" s="181">
        <v>0.62648819546267309</v>
      </c>
      <c r="H38" s="96">
        <v>9.5768450548990268E-3</v>
      </c>
      <c r="I38" s="178">
        <v>10151</v>
      </c>
      <c r="J38" s="181">
        <v>0.32941325567448487</v>
      </c>
      <c r="K38" s="96">
        <v>9.328473434407512E-3</v>
      </c>
      <c r="L38" s="181">
        <v>0.16135661256908065</v>
      </c>
      <c r="M38" s="96">
        <v>7.3032635781698722E-3</v>
      </c>
      <c r="N38" s="181">
        <v>0.50923013175642984</v>
      </c>
      <c r="O38" s="96">
        <v>9.9216997910477299E-3</v>
      </c>
      <c r="P38" s="178">
        <v>10217</v>
      </c>
      <c r="Q38" s="181">
        <v>0.36240960918067677</v>
      </c>
      <c r="R38" s="96">
        <v>9.5097249670579257E-3</v>
      </c>
      <c r="S38" s="181">
        <v>0.15677342640096814</v>
      </c>
      <c r="T38" s="96">
        <v>7.1952029092367809E-3</v>
      </c>
      <c r="U38" s="181">
        <v>0.48081696441835076</v>
      </c>
      <c r="V38" s="96">
        <v>9.8840216912036444E-3</v>
      </c>
    </row>
    <row r="39" spans="1:45">
      <c r="A39" s="44" t="s">
        <v>351</v>
      </c>
      <c r="B39" s="177">
        <v>3705</v>
      </c>
      <c r="C39" s="180">
        <v>0.19688925262736423</v>
      </c>
      <c r="D39" s="93">
        <v>1.3066886726862605E-2</v>
      </c>
      <c r="E39" s="180">
        <v>0.18818340259793176</v>
      </c>
      <c r="F39" s="93">
        <v>1.2844550928860063E-2</v>
      </c>
      <c r="G39" s="180">
        <v>0.6149273447747049</v>
      </c>
      <c r="H39" s="93">
        <v>1.5981256857970642E-2</v>
      </c>
      <c r="I39" s="177">
        <v>3695</v>
      </c>
      <c r="J39" s="180">
        <v>0.37544231673523015</v>
      </c>
      <c r="K39" s="93">
        <v>1.5924902145224944E-2</v>
      </c>
      <c r="L39" s="180">
        <v>0.18865854072857044</v>
      </c>
      <c r="M39" s="93">
        <v>1.2874339118384516E-2</v>
      </c>
      <c r="N39" s="180">
        <v>0.4358991425362001</v>
      </c>
      <c r="O39" s="93">
        <v>1.6306736768572166E-2</v>
      </c>
      <c r="P39" s="177">
        <v>3723</v>
      </c>
      <c r="Q39" s="180">
        <v>0.32592054392210179</v>
      </c>
      <c r="R39" s="93">
        <v>1.5357692271588185E-2</v>
      </c>
      <c r="S39" s="180">
        <v>0.18821355397859629</v>
      </c>
      <c r="T39" s="93">
        <v>1.2814239585689016E-2</v>
      </c>
      <c r="U39" s="180">
        <v>0.48586590209930292</v>
      </c>
      <c r="V39" s="93">
        <v>1.6373709707401936E-2</v>
      </c>
    </row>
    <row r="40" spans="1:45">
      <c r="A40" s="48" t="s">
        <v>558</v>
      </c>
      <c r="B40" s="178">
        <v>334</v>
      </c>
      <c r="C40" s="181">
        <v>0.22816053032663078</v>
      </c>
      <c r="D40" s="96">
        <v>4.587634365670689E-2</v>
      </c>
      <c r="E40" s="181">
        <v>0.17852552987098463</v>
      </c>
      <c r="F40" s="96">
        <v>4.2003908893959774E-2</v>
      </c>
      <c r="G40" s="181">
        <v>0.59331393980238534</v>
      </c>
      <c r="H40" s="96">
        <v>5.3459865343464454E-2</v>
      </c>
      <c r="I40" s="178">
        <v>335</v>
      </c>
      <c r="J40" s="181">
        <v>0.47930133323936197</v>
      </c>
      <c r="K40" s="96">
        <v>5.4267078640734434E-2</v>
      </c>
      <c r="L40" s="181">
        <v>0.16478910404776712</v>
      </c>
      <c r="M40" s="96">
        <v>4.0682920112897605E-2</v>
      </c>
      <c r="N40" s="181">
        <v>0.35590956271287127</v>
      </c>
      <c r="O40" s="96">
        <v>5.2063611561972138E-2</v>
      </c>
      <c r="P40" s="178">
        <v>338</v>
      </c>
      <c r="Q40" s="181">
        <v>0.35777323590461507</v>
      </c>
      <c r="R40" s="96">
        <v>5.1893047975847914E-2</v>
      </c>
      <c r="S40" s="181">
        <v>0.17186476548250781</v>
      </c>
      <c r="T40" s="96">
        <v>4.1157407050201211E-2</v>
      </c>
      <c r="U40" s="181">
        <v>0.47036199861287747</v>
      </c>
      <c r="V40" s="96">
        <v>5.3980938409677055E-2</v>
      </c>
    </row>
    <row r="41" spans="1:45">
      <c r="A41" s="44" t="s">
        <v>559</v>
      </c>
      <c r="B41" s="177">
        <v>3607</v>
      </c>
      <c r="C41" s="180">
        <v>0.20184415486895951</v>
      </c>
      <c r="D41" s="93">
        <v>1.3366981306120651E-2</v>
      </c>
      <c r="E41" s="180">
        <v>0.1831251450941852</v>
      </c>
      <c r="F41" s="93">
        <v>1.2882213818137318E-2</v>
      </c>
      <c r="G41" s="180">
        <v>0.615030700036865</v>
      </c>
      <c r="H41" s="93">
        <v>1.6195880608356708E-2</v>
      </c>
      <c r="I41" s="177">
        <v>3597</v>
      </c>
      <c r="J41" s="180">
        <v>0.3412669036383531</v>
      </c>
      <c r="K41" s="93">
        <v>1.5804264731460974E-2</v>
      </c>
      <c r="L41" s="180">
        <v>0.18696142087908768</v>
      </c>
      <c r="M41" s="93">
        <v>1.3003510480549157E-2</v>
      </c>
      <c r="N41" s="180">
        <v>0.47177167548257365</v>
      </c>
      <c r="O41" s="93">
        <v>1.6637832611360415E-2</v>
      </c>
      <c r="P41" s="177">
        <v>3622</v>
      </c>
      <c r="Q41" s="180">
        <v>0.33698981646208537</v>
      </c>
      <c r="R41" s="93">
        <v>1.5701513725631534E-2</v>
      </c>
      <c r="S41" s="180">
        <v>0.16869194657651707</v>
      </c>
      <c r="T41" s="93">
        <v>1.244854886743506E-2</v>
      </c>
      <c r="U41" s="180">
        <v>0.49431823696141264</v>
      </c>
      <c r="V41" s="93">
        <v>1.6605735648565358E-2</v>
      </c>
    </row>
    <row r="42" spans="1:45">
      <c r="A42" s="48" t="s">
        <v>560</v>
      </c>
      <c r="B42" s="178">
        <v>2958</v>
      </c>
      <c r="C42" s="181">
        <v>0.19646232116239432</v>
      </c>
      <c r="D42" s="96">
        <v>1.4612415762074333E-2</v>
      </c>
      <c r="E42" s="181">
        <v>0.16558224620275483</v>
      </c>
      <c r="F42" s="96">
        <v>1.3674454381175181E-2</v>
      </c>
      <c r="G42" s="181">
        <v>0.63795543263484822</v>
      </c>
      <c r="H42" s="96">
        <v>1.7662897333076397E-2</v>
      </c>
      <c r="I42" s="178">
        <v>2946</v>
      </c>
      <c r="J42" s="181">
        <v>0.2993393321607945</v>
      </c>
      <c r="K42" s="96">
        <v>1.6868159345001129E-2</v>
      </c>
      <c r="L42" s="181">
        <v>0.15363097458171596</v>
      </c>
      <c r="M42" s="96">
        <v>1.3294761252050391E-2</v>
      </c>
      <c r="N42" s="181">
        <v>0.54702969325748607</v>
      </c>
      <c r="O42" s="96">
        <v>1.8330088331992095E-2</v>
      </c>
      <c r="P42" s="178">
        <v>2969</v>
      </c>
      <c r="Q42" s="181">
        <v>0.32062092459398123</v>
      </c>
      <c r="R42" s="96">
        <v>1.7122642759397299E-2</v>
      </c>
      <c r="S42" s="181">
        <v>0.15263555003292223</v>
      </c>
      <c r="T42" s="96">
        <v>1.3208076714448716E-2</v>
      </c>
      <c r="U42" s="181">
        <v>0.52674352537309344</v>
      </c>
      <c r="V42" s="96">
        <v>1.8313953262939772E-2</v>
      </c>
    </row>
    <row r="43" spans="1:45">
      <c r="A43" s="44" t="s">
        <v>368</v>
      </c>
      <c r="B43" s="177">
        <v>158</v>
      </c>
      <c r="C43" s="180">
        <v>0.19884096745603852</v>
      </c>
      <c r="D43" s="93">
        <v>6.3581734144262797E-2</v>
      </c>
      <c r="E43" s="180">
        <v>0.22024012521515407</v>
      </c>
      <c r="F43" s="93">
        <v>6.5837747456474166E-2</v>
      </c>
      <c r="G43" s="180">
        <v>0.58091890732880769</v>
      </c>
      <c r="H43" s="93">
        <v>7.758253112927789E-2</v>
      </c>
      <c r="I43" s="177">
        <v>159</v>
      </c>
      <c r="J43" s="180">
        <v>0.30157353938891907</v>
      </c>
      <c r="K43" s="93">
        <v>7.2219102411342898E-2</v>
      </c>
      <c r="L43" s="180">
        <v>0.13171216452546902</v>
      </c>
      <c r="M43" s="93">
        <v>5.447786012294184E-2</v>
      </c>
      <c r="N43" s="180">
        <v>0.56671429608561186</v>
      </c>
      <c r="O43" s="93">
        <v>7.7659784452966785E-2</v>
      </c>
      <c r="P43" s="177">
        <v>159</v>
      </c>
      <c r="Q43" s="180">
        <v>0.33635023406777831</v>
      </c>
      <c r="R43" s="93">
        <v>7.4226819235120159E-2</v>
      </c>
      <c r="S43" s="180">
        <v>0.17014236031229937</v>
      </c>
      <c r="T43" s="93">
        <v>5.9952657962151115E-2</v>
      </c>
      <c r="U43" s="180">
        <v>0.49350740561992218</v>
      </c>
      <c r="V43" s="93">
        <v>7.8319761389159873E-2</v>
      </c>
    </row>
    <row r="44" spans="1:45">
      <c r="A44" s="48" t="s">
        <v>150</v>
      </c>
      <c r="B44" s="178">
        <v>272</v>
      </c>
      <c r="C44" s="181">
        <v>0.15313167625020477</v>
      </c>
      <c r="D44" s="96">
        <v>4.3927569192646808E-2</v>
      </c>
      <c r="E44" s="181">
        <v>0.14361705708802733</v>
      </c>
      <c r="F44" s="96">
        <v>4.2842132796313735E-2</v>
      </c>
      <c r="G44" s="181">
        <v>0.7032512666617653</v>
      </c>
      <c r="H44" s="96">
        <v>5.5151657596442479E-2</v>
      </c>
      <c r="I44" s="178">
        <v>269</v>
      </c>
      <c r="J44" s="181">
        <v>0.23402441197739882</v>
      </c>
      <c r="K44" s="96">
        <v>5.1542486432376737E-2</v>
      </c>
      <c r="L44" s="181">
        <v>0.19334568783726552</v>
      </c>
      <c r="M44" s="96">
        <v>4.8220890395547458E-2</v>
      </c>
      <c r="N44" s="181">
        <v>0.57262990018533311</v>
      </c>
      <c r="O44" s="96">
        <v>5.9899592039966025E-2</v>
      </c>
      <c r="P44" s="178">
        <v>272</v>
      </c>
      <c r="Q44" s="181">
        <v>0.32374269921241444</v>
      </c>
      <c r="R44" s="96">
        <v>5.6443805694850864E-2</v>
      </c>
      <c r="S44" s="181">
        <v>0.12553528833472169</v>
      </c>
      <c r="T44" s="96">
        <v>4.0613267211536644E-2</v>
      </c>
      <c r="U44" s="181">
        <v>0.55072201245286212</v>
      </c>
      <c r="V44" s="96">
        <v>5.9891364060920466E-2</v>
      </c>
    </row>
    <row r="45" spans="1:45">
      <c r="A45" s="44" t="s">
        <v>352</v>
      </c>
      <c r="B45" s="177">
        <v>121</v>
      </c>
      <c r="C45" s="180">
        <v>0.16165881321076936</v>
      </c>
      <c r="D45" s="93">
        <v>6.7583288756806068E-2</v>
      </c>
      <c r="E45" s="180">
        <v>8.921397059955688E-2</v>
      </c>
      <c r="F45" s="93">
        <v>5.4223753722786289E-2</v>
      </c>
      <c r="G45" s="180">
        <v>0.74912721618967371</v>
      </c>
      <c r="H45" s="93">
        <v>7.8351861937601755E-2</v>
      </c>
      <c r="I45" s="177">
        <v>119</v>
      </c>
      <c r="J45" s="180">
        <v>0.20918332520793922</v>
      </c>
      <c r="K45" s="93">
        <v>7.4536396570522967E-2</v>
      </c>
      <c r="L45" s="180">
        <v>0.17673665546115619</v>
      </c>
      <c r="M45" s="93">
        <v>7.0350340482975532E-2</v>
      </c>
      <c r="N45" s="180">
        <v>0.6140800193309035</v>
      </c>
      <c r="O45" s="93">
        <v>8.7942782770808303E-2</v>
      </c>
      <c r="P45" s="177">
        <v>121</v>
      </c>
      <c r="Q45" s="180">
        <v>0.37943333215429109</v>
      </c>
      <c r="R45" s="93">
        <v>8.6972017197400733E-2</v>
      </c>
      <c r="S45" s="180">
        <v>8.1537466357139057E-2</v>
      </c>
      <c r="T45" s="93">
        <v>5.2434154205287083E-2</v>
      </c>
      <c r="U45" s="180">
        <v>0.53902920148856881</v>
      </c>
      <c r="V45" s="93">
        <v>8.9187021732503785E-2</v>
      </c>
    </row>
    <row r="46" spans="1:45">
      <c r="A46" s="48" t="s">
        <v>353</v>
      </c>
      <c r="B46" s="178">
        <v>116</v>
      </c>
      <c r="C46" s="181">
        <v>0.13880945707788478</v>
      </c>
      <c r="D46" s="96">
        <v>6.5343624592738181E-2</v>
      </c>
      <c r="E46" s="181">
        <v>0.21693687544259632</v>
      </c>
      <c r="F46" s="96">
        <v>7.6404164124638699E-2</v>
      </c>
      <c r="G46" s="181">
        <v>0.64425366747951818</v>
      </c>
      <c r="H46" s="96">
        <v>8.7665088619327758E-2</v>
      </c>
      <c r="I46" s="178">
        <v>116</v>
      </c>
      <c r="J46" s="181">
        <v>0.21534779823694714</v>
      </c>
      <c r="K46" s="96">
        <v>7.6220051145897277E-2</v>
      </c>
      <c r="L46" s="181">
        <v>0.19048805080399128</v>
      </c>
      <c r="M46" s="96">
        <v>7.3139688554368407E-2</v>
      </c>
      <c r="N46" s="181">
        <v>0.59416415095906072</v>
      </c>
      <c r="O46" s="96">
        <v>8.9761607679982577E-2</v>
      </c>
      <c r="P46" s="178">
        <v>116</v>
      </c>
      <c r="Q46" s="181">
        <v>0.30000633509670199</v>
      </c>
      <c r="R46" s="96">
        <v>8.4187210054553818E-2</v>
      </c>
      <c r="S46" s="181">
        <v>0.16686003174879879</v>
      </c>
      <c r="T46" s="96">
        <v>6.9831526751112996E-2</v>
      </c>
      <c r="U46" s="181">
        <v>0.5331336331544978</v>
      </c>
      <c r="V46" s="96">
        <v>9.1099603312487523E-2</v>
      </c>
    </row>
    <row r="47" spans="1:45">
      <c r="A47" s="44" t="s">
        <v>369</v>
      </c>
      <c r="B47" s="177">
        <v>424</v>
      </c>
      <c r="C47" s="180">
        <v>0.19433973499040236</v>
      </c>
      <c r="D47" s="93">
        <v>3.846468989637835E-2</v>
      </c>
      <c r="E47" s="180">
        <v>0.17251932390316238</v>
      </c>
      <c r="F47" s="93">
        <v>3.6780682767294084E-2</v>
      </c>
      <c r="G47" s="180">
        <v>0.63314094110643504</v>
      </c>
      <c r="H47" s="93">
        <v>4.6624697452198563E-2</v>
      </c>
      <c r="I47" s="177">
        <v>423</v>
      </c>
      <c r="J47" s="180">
        <v>0.34161485549425419</v>
      </c>
      <c r="K47" s="93">
        <v>4.5948952146649492E-2</v>
      </c>
      <c r="L47" s="180">
        <v>0.13394338618315976</v>
      </c>
      <c r="M47" s="93">
        <v>3.3317897871201214E-2</v>
      </c>
      <c r="N47" s="180">
        <v>0.52444175832258633</v>
      </c>
      <c r="O47" s="93">
        <v>4.8336616375757133E-2</v>
      </c>
      <c r="P47" s="177">
        <v>426</v>
      </c>
      <c r="Q47" s="180">
        <v>0.34127894782690826</v>
      </c>
      <c r="R47" s="93">
        <v>4.5777433550893393E-2</v>
      </c>
      <c r="S47" s="180">
        <v>0.17061175562332537</v>
      </c>
      <c r="T47" s="93">
        <v>3.6537656597355347E-2</v>
      </c>
      <c r="U47" s="180">
        <v>0.48810929654976654</v>
      </c>
      <c r="V47" s="93">
        <v>4.8210896136585232E-2</v>
      </c>
    </row>
    <row r="48" spans="1:45">
      <c r="A48" s="48" t="s">
        <v>354</v>
      </c>
      <c r="B48" s="178">
        <v>70</v>
      </c>
      <c r="C48" s="181">
        <v>0.21370111240461548</v>
      </c>
      <c r="D48" s="96">
        <v>9.7718502305208343E-2</v>
      </c>
      <c r="E48" s="181">
        <v>0.14861239905594906</v>
      </c>
      <c r="F48" s="96">
        <v>8.684078123353714E-2</v>
      </c>
      <c r="G48" s="181">
        <v>0.6376864885394361</v>
      </c>
      <c r="H48" s="96">
        <v>0.11223443293201842</v>
      </c>
      <c r="I48" s="178">
        <v>69</v>
      </c>
      <c r="J48" s="181">
        <v>0.22349512217990086</v>
      </c>
      <c r="K48" s="96">
        <v>9.977896820907553E-2</v>
      </c>
      <c r="L48" s="181">
        <v>9.9783766762954085E-2</v>
      </c>
      <c r="M48" s="96">
        <v>7.6534266995606282E-2</v>
      </c>
      <c r="N48" s="181">
        <v>0.67672111105714583</v>
      </c>
      <c r="O48" s="96">
        <v>0.11031670122740604</v>
      </c>
      <c r="P48" s="178">
        <v>71</v>
      </c>
      <c r="Q48" s="181">
        <v>0.40670908541796946</v>
      </c>
      <c r="R48" s="96">
        <v>0.11365453861596707</v>
      </c>
      <c r="S48" s="181">
        <v>4.7410654175774454E-2</v>
      </c>
      <c r="T48" s="96">
        <v>5.9522333564601168E-2</v>
      </c>
      <c r="U48" s="181">
        <v>0.54588026040625681</v>
      </c>
      <c r="V48" s="96">
        <v>0.11503357128671829</v>
      </c>
    </row>
    <row r="49" spans="1:22">
      <c r="A49" s="44" t="s">
        <v>355</v>
      </c>
      <c r="B49" s="177">
        <v>76</v>
      </c>
      <c r="C49" s="180">
        <v>0.16846075674483504</v>
      </c>
      <c r="D49" s="93">
        <v>8.6832816805936852E-2</v>
      </c>
      <c r="E49" s="180">
        <v>0.21883646933804612</v>
      </c>
      <c r="F49" s="93">
        <v>9.4513155114962263E-2</v>
      </c>
      <c r="G49" s="180">
        <v>0.61270277391711891</v>
      </c>
      <c r="H49" s="93">
        <v>0.10921000903949385</v>
      </c>
      <c r="I49" s="177">
        <v>76</v>
      </c>
      <c r="J49" s="180">
        <v>0.24286349386507042</v>
      </c>
      <c r="K49" s="93">
        <v>9.7551893250331381E-2</v>
      </c>
      <c r="L49" s="180">
        <v>0.13559084030484603</v>
      </c>
      <c r="M49" s="93">
        <v>8.0670125451765065E-2</v>
      </c>
      <c r="N49" s="180">
        <v>0.62154566583008342</v>
      </c>
      <c r="O49" s="93">
        <v>0.10878121451655252</v>
      </c>
      <c r="P49" s="177">
        <v>75</v>
      </c>
      <c r="Q49" s="180">
        <v>0.27511152311044806</v>
      </c>
      <c r="R49" s="93">
        <v>0.10173607357669458</v>
      </c>
      <c r="S49" s="180">
        <v>0.17728144632355952</v>
      </c>
      <c r="T49" s="93">
        <v>8.8912499186051597E-2</v>
      </c>
      <c r="U49" s="180">
        <v>0.54760703056599269</v>
      </c>
      <c r="V49" s="93">
        <v>0.11204819759696077</v>
      </c>
    </row>
    <row r="50" spans="1:22">
      <c r="A50" s="48" t="s">
        <v>356</v>
      </c>
      <c r="B50" s="178">
        <v>67</v>
      </c>
      <c r="C50" s="181">
        <v>0.22493717582709824</v>
      </c>
      <c r="D50" s="96">
        <v>0.10143347833837479</v>
      </c>
      <c r="E50" s="181">
        <v>0.11560000783635845</v>
      </c>
      <c r="F50" s="96">
        <v>8.1678532033598303E-2</v>
      </c>
      <c r="G50" s="181">
        <v>0.65946281633654313</v>
      </c>
      <c r="H50" s="96">
        <v>0.11317593728568646</v>
      </c>
      <c r="I50" s="178">
        <v>65</v>
      </c>
      <c r="J50" s="181">
        <v>0.46392663688363145</v>
      </c>
      <c r="K50" s="96">
        <v>0.12010749128493063</v>
      </c>
      <c r="L50" s="181">
        <v>0.11171309333033357</v>
      </c>
      <c r="M50" s="96">
        <v>8.2076954097484223E-2</v>
      </c>
      <c r="N50" s="181">
        <v>0.42436026978603464</v>
      </c>
      <c r="O50" s="96">
        <v>0.11915712458803816</v>
      </c>
      <c r="P50" s="178">
        <v>67</v>
      </c>
      <c r="Q50" s="181">
        <v>0.33505464366895976</v>
      </c>
      <c r="R50" s="96">
        <v>0.11278104160249539</v>
      </c>
      <c r="S50" s="181">
        <v>0.14346373425154393</v>
      </c>
      <c r="T50" s="96">
        <v>8.7790271492830418E-2</v>
      </c>
      <c r="U50" s="181">
        <v>0.52148162207949622</v>
      </c>
      <c r="V50" s="96">
        <v>0.11858058904724784</v>
      </c>
    </row>
    <row r="51" spans="1:22">
      <c r="A51" s="56" t="s">
        <v>357</v>
      </c>
      <c r="B51" s="177">
        <v>53</v>
      </c>
      <c r="C51" s="180">
        <v>0.14702654741163526</v>
      </c>
      <c r="D51" s="93">
        <v>9.9923668266898358E-2</v>
      </c>
      <c r="E51" s="180">
        <v>0.29473654319203024</v>
      </c>
      <c r="F51" s="93">
        <v>0.12242372224746201</v>
      </c>
      <c r="G51" s="180">
        <v>0.55823690939633441</v>
      </c>
      <c r="H51" s="93">
        <v>0.13167417674973789</v>
      </c>
      <c r="I51" s="177">
        <v>53</v>
      </c>
      <c r="J51" s="180">
        <v>0.31084343809000492</v>
      </c>
      <c r="K51" s="93">
        <v>0.12398793809890769</v>
      </c>
      <c r="L51" s="180">
        <v>0.1638590807296984</v>
      </c>
      <c r="M51" s="93">
        <v>0.1033852259690107</v>
      </c>
      <c r="N51" s="180">
        <v>0.52529748118029662</v>
      </c>
      <c r="O51" s="93">
        <v>0.13230658314559207</v>
      </c>
      <c r="P51" s="177">
        <v>53</v>
      </c>
      <c r="Q51" s="180">
        <v>0.38052931756022118</v>
      </c>
      <c r="R51" s="93">
        <v>0.12914284989948266</v>
      </c>
      <c r="S51" s="180">
        <v>0.23028199289960902</v>
      </c>
      <c r="T51" s="93">
        <v>0.11458672082421009</v>
      </c>
      <c r="U51" s="180">
        <v>0.38918868954016994</v>
      </c>
      <c r="V51" s="93">
        <v>0.12961042103198786</v>
      </c>
    </row>
    <row r="52" spans="1:22">
      <c r="A52" s="48" t="s">
        <v>358</v>
      </c>
      <c r="B52" s="178">
        <v>98</v>
      </c>
      <c r="C52" s="181">
        <v>0.26060233098333224</v>
      </c>
      <c r="D52" s="96">
        <v>8.791609599616762E-2</v>
      </c>
      <c r="E52" s="181">
        <v>0.14712094106624651</v>
      </c>
      <c r="F52" s="96">
        <v>7.2774545172358707E-2</v>
      </c>
      <c r="G52" s="181">
        <v>0.59227672795042108</v>
      </c>
      <c r="H52" s="96">
        <v>9.7445762336308861E-2</v>
      </c>
      <c r="I52" s="178">
        <v>99</v>
      </c>
      <c r="J52" s="181">
        <v>0.23949409948013561</v>
      </c>
      <c r="K52" s="96">
        <v>8.5287694804371678E-2</v>
      </c>
      <c r="L52" s="181">
        <v>0.17877339353610464</v>
      </c>
      <c r="M52" s="96">
        <v>7.7502855356269315E-2</v>
      </c>
      <c r="N52" s="181">
        <v>0.58173250698375945</v>
      </c>
      <c r="O52" s="96">
        <v>9.7309150674059819E-2</v>
      </c>
      <c r="P52" s="178">
        <v>99</v>
      </c>
      <c r="Q52" s="181">
        <v>0.36373214868097398</v>
      </c>
      <c r="R52" s="96">
        <v>9.5092252537494926E-2</v>
      </c>
      <c r="S52" s="181">
        <v>0.18969412919315418</v>
      </c>
      <c r="T52" s="96">
        <v>7.9083060942707395E-2</v>
      </c>
      <c r="U52" s="181">
        <v>0.44657372212587154</v>
      </c>
      <c r="V52" s="96">
        <v>9.8011892765516598E-2</v>
      </c>
    </row>
    <row r="53" spans="1:22">
      <c r="A53" s="56" t="s">
        <v>359</v>
      </c>
      <c r="B53" s="177">
        <v>115</v>
      </c>
      <c r="C53" s="180">
        <v>0.21547350553364289</v>
      </c>
      <c r="D53" s="93">
        <v>7.6563936114574196E-2</v>
      </c>
      <c r="E53" s="180">
        <v>0.14058045682742124</v>
      </c>
      <c r="F53" s="93">
        <v>6.5940172808266015E-2</v>
      </c>
      <c r="G53" s="180">
        <v>0.64394603763893543</v>
      </c>
      <c r="H53" s="93">
        <v>8.8050615536933247E-2</v>
      </c>
      <c r="I53" s="177">
        <v>116</v>
      </c>
      <c r="J53" s="180">
        <v>0.42562577759136794</v>
      </c>
      <c r="K53" s="93">
        <v>9.0338455678789911E-2</v>
      </c>
      <c r="L53" s="180">
        <v>0.13673094897204791</v>
      </c>
      <c r="M53" s="93">
        <v>6.498374061921787E-2</v>
      </c>
      <c r="N53" s="180">
        <v>0.43764327343658332</v>
      </c>
      <c r="O53" s="93">
        <v>9.0621289320012954E-2</v>
      </c>
      <c r="P53" s="177">
        <v>116</v>
      </c>
      <c r="Q53" s="180">
        <v>0.32629362272684842</v>
      </c>
      <c r="R53" s="93">
        <v>8.5985301386016441E-2</v>
      </c>
      <c r="S53" s="180">
        <v>0.20908773121086674</v>
      </c>
      <c r="T53" s="93">
        <v>7.5480243581658044E-2</v>
      </c>
      <c r="U53" s="180">
        <v>0.46461864606228381</v>
      </c>
      <c r="V53" s="93">
        <v>9.1073271760294866E-2</v>
      </c>
    </row>
    <row r="54" spans="1:22">
      <c r="A54" s="48" t="s">
        <v>371</v>
      </c>
      <c r="B54" s="178">
        <v>181</v>
      </c>
      <c r="C54" s="181">
        <v>0.17728199983257503</v>
      </c>
      <c r="D54" s="96">
        <v>5.7007928195703217E-2</v>
      </c>
      <c r="E54" s="181">
        <v>0.1455402321210173</v>
      </c>
      <c r="F54" s="96">
        <v>5.2962545031566284E-2</v>
      </c>
      <c r="G54" s="181">
        <v>0.67717776804640806</v>
      </c>
      <c r="H54" s="96">
        <v>6.8961540894345738E-2</v>
      </c>
      <c r="I54" s="178">
        <v>181</v>
      </c>
      <c r="J54" s="181">
        <v>0.27918071342035888</v>
      </c>
      <c r="K54" s="96">
        <v>6.6303909254541549E-2</v>
      </c>
      <c r="L54" s="181">
        <v>0.12405167489770154</v>
      </c>
      <c r="M54" s="96">
        <v>4.9801478100952597E-2</v>
      </c>
      <c r="N54" s="181">
        <v>0.59676761168194048</v>
      </c>
      <c r="O54" s="96">
        <v>7.219142423963805E-2</v>
      </c>
      <c r="P54" s="178">
        <v>182</v>
      </c>
      <c r="Q54" s="181">
        <v>0.38443550670105509</v>
      </c>
      <c r="R54" s="96">
        <v>7.1423782450163523E-2</v>
      </c>
      <c r="S54" s="181">
        <v>0.14258360409350751</v>
      </c>
      <c r="T54" s="96">
        <v>5.2402271938576134E-2</v>
      </c>
      <c r="U54" s="181">
        <v>0.47298088920543824</v>
      </c>
      <c r="V54" s="96">
        <v>7.3220983722851365E-2</v>
      </c>
    </row>
    <row r="55" spans="1:22">
      <c r="A55" s="56" t="s">
        <v>360</v>
      </c>
      <c r="B55" s="177">
        <v>102</v>
      </c>
      <c r="C55" s="180">
        <v>0.17578463533582242</v>
      </c>
      <c r="D55" s="93">
        <v>7.5901616143324482E-2</v>
      </c>
      <c r="E55" s="180">
        <v>0.11958894930953529</v>
      </c>
      <c r="F55" s="93">
        <v>6.616248319794947E-2</v>
      </c>
      <c r="G55" s="180">
        <v>0.70462641535464232</v>
      </c>
      <c r="H55" s="93">
        <v>8.9279834263319938E-2</v>
      </c>
      <c r="I55" s="177">
        <v>101</v>
      </c>
      <c r="J55" s="180">
        <v>0.27339210618769116</v>
      </c>
      <c r="K55" s="93">
        <v>8.7828145373000113E-2</v>
      </c>
      <c r="L55" s="180">
        <v>0.11473410456666543</v>
      </c>
      <c r="M55" s="93">
        <v>6.5512985086833245E-2</v>
      </c>
      <c r="N55" s="180">
        <v>0.61187378924564373</v>
      </c>
      <c r="O55" s="93">
        <v>9.5302960008172122E-2</v>
      </c>
      <c r="P55" s="177">
        <v>102</v>
      </c>
      <c r="Q55" s="180">
        <v>0.46125468745153475</v>
      </c>
      <c r="R55" s="93">
        <v>9.6858184819408902E-2</v>
      </c>
      <c r="S55" s="180">
        <v>0.14391583177601494</v>
      </c>
      <c r="T55" s="93">
        <v>7.0735492670625608E-2</v>
      </c>
      <c r="U55" s="180">
        <v>0.39482948077245017</v>
      </c>
      <c r="V55" s="93">
        <v>9.511823656068813E-2</v>
      </c>
    </row>
    <row r="56" spans="1:22">
      <c r="A56" s="48" t="s">
        <v>370</v>
      </c>
      <c r="B56" s="178">
        <v>292</v>
      </c>
      <c r="C56" s="181">
        <v>0.18636280796629584</v>
      </c>
      <c r="D56" s="96">
        <v>4.5659188505428681E-2</v>
      </c>
      <c r="E56" s="181">
        <v>0.20763616536636462</v>
      </c>
      <c r="F56" s="96">
        <v>4.7479434748698299E-2</v>
      </c>
      <c r="G56" s="181">
        <v>0.60600102666733868</v>
      </c>
      <c r="H56" s="96">
        <v>5.6838487626721522E-2</v>
      </c>
      <c r="I56" s="178">
        <v>291</v>
      </c>
      <c r="J56" s="181">
        <v>0.30060493838598257</v>
      </c>
      <c r="K56" s="96">
        <v>5.3528068766729942E-2</v>
      </c>
      <c r="L56" s="181">
        <v>0.19006345119088489</v>
      </c>
      <c r="M56" s="96">
        <v>4.6069469933567031E-2</v>
      </c>
      <c r="N56" s="181">
        <v>0.5093316104231318</v>
      </c>
      <c r="O56" s="96">
        <v>5.8212383387581078E-2</v>
      </c>
      <c r="P56" s="178">
        <v>294</v>
      </c>
      <c r="Q56" s="181">
        <v>0.36497892043222391</v>
      </c>
      <c r="R56" s="96">
        <v>5.5834779995737792E-2</v>
      </c>
      <c r="S56" s="181">
        <v>0.1180592389664168</v>
      </c>
      <c r="T56" s="96">
        <v>3.8076429620896572E-2</v>
      </c>
      <c r="U56" s="181">
        <v>0.51696184060135886</v>
      </c>
      <c r="V56" s="96">
        <v>5.7895991877761441E-2</v>
      </c>
    </row>
    <row r="57" spans="1:22">
      <c r="A57" s="56" t="s">
        <v>361</v>
      </c>
      <c r="B57" s="177">
        <v>125</v>
      </c>
      <c r="C57" s="180">
        <v>0.21323289708371798</v>
      </c>
      <c r="D57" s="93">
        <v>7.3196227494768867E-2</v>
      </c>
      <c r="E57" s="180">
        <v>0.19187052085197856</v>
      </c>
      <c r="F57" s="93">
        <v>7.0623562305960438E-2</v>
      </c>
      <c r="G57" s="180">
        <v>0.59489658206430263</v>
      </c>
      <c r="H57" s="93">
        <v>8.6543344385037121E-2</v>
      </c>
      <c r="I57" s="177">
        <v>125</v>
      </c>
      <c r="J57" s="180">
        <v>0.36028891540887747</v>
      </c>
      <c r="K57" s="93">
        <v>8.475638372021814E-2</v>
      </c>
      <c r="L57" s="180">
        <v>0.17915611112858326</v>
      </c>
      <c r="M57" s="93">
        <v>6.895547356219156E-2</v>
      </c>
      <c r="N57" s="180">
        <v>0.46055497346253887</v>
      </c>
      <c r="O57" s="93">
        <v>8.7787460822381355E-2</v>
      </c>
      <c r="P57" s="177">
        <v>127</v>
      </c>
      <c r="Q57" s="180">
        <v>0.32569497519801949</v>
      </c>
      <c r="R57" s="93">
        <v>8.2229400886144638E-2</v>
      </c>
      <c r="S57" s="180">
        <v>8.4745286526078198E-2</v>
      </c>
      <c r="T57" s="93">
        <v>5.181683072860245E-2</v>
      </c>
      <c r="U57" s="180">
        <v>0.58955973827590169</v>
      </c>
      <c r="V57" s="93">
        <v>8.6043022042966669E-2</v>
      </c>
    </row>
    <row r="58" spans="1:22">
      <c r="A58" s="48" t="s">
        <v>375</v>
      </c>
      <c r="B58" s="178">
        <v>112</v>
      </c>
      <c r="C58" s="181">
        <v>0.11972182056288455</v>
      </c>
      <c r="D58" s="96">
        <v>6.3024286745695282E-2</v>
      </c>
      <c r="E58" s="181">
        <v>0.2394682376574534</v>
      </c>
      <c r="F58" s="96">
        <v>8.0241800471651969E-2</v>
      </c>
      <c r="G58" s="181">
        <v>0.64080994177966177</v>
      </c>
      <c r="H58" s="96">
        <v>8.934944839043607E-2</v>
      </c>
      <c r="I58" s="178">
        <v>111</v>
      </c>
      <c r="J58" s="181">
        <v>0.25530134547043476</v>
      </c>
      <c r="K58" s="96">
        <v>8.2190767175855536E-2</v>
      </c>
      <c r="L58" s="181">
        <v>0.202471988402668</v>
      </c>
      <c r="M58" s="96">
        <v>7.6335210556556607E-2</v>
      </c>
      <c r="N58" s="181">
        <v>0.54222666612689718</v>
      </c>
      <c r="O58" s="96">
        <v>9.2940147653218591E-2</v>
      </c>
      <c r="P58" s="178">
        <v>112</v>
      </c>
      <c r="Q58" s="181">
        <v>0.40593410371332539</v>
      </c>
      <c r="R58" s="96">
        <v>9.1303079955105643E-2</v>
      </c>
      <c r="S58" s="181">
        <v>0.11626471039235026</v>
      </c>
      <c r="T58" s="96">
        <v>6.2347053867719278E-2</v>
      </c>
      <c r="U58" s="181">
        <v>0.47780118589432408</v>
      </c>
      <c r="V58" s="96">
        <v>9.2762323659871818E-2</v>
      </c>
    </row>
    <row r="59" spans="1:22">
      <c r="A59" s="56" t="s">
        <v>358</v>
      </c>
      <c r="B59" s="177">
        <v>98</v>
      </c>
      <c r="C59" s="180">
        <v>0.26060233098333224</v>
      </c>
      <c r="D59" s="93">
        <v>8.791609599616762E-2</v>
      </c>
      <c r="E59" s="180">
        <v>0.14712094106624651</v>
      </c>
      <c r="F59" s="93">
        <v>7.2774545172358707E-2</v>
      </c>
      <c r="G59" s="180">
        <v>0.59227672795042108</v>
      </c>
      <c r="H59" s="93">
        <v>9.7445762336308861E-2</v>
      </c>
      <c r="I59" s="177">
        <v>99</v>
      </c>
      <c r="J59" s="180">
        <v>0.23949409948013561</v>
      </c>
      <c r="K59" s="93">
        <v>8.5287694804371678E-2</v>
      </c>
      <c r="L59" s="180">
        <v>0.17877339353610464</v>
      </c>
      <c r="M59" s="93">
        <v>7.7502855356269315E-2</v>
      </c>
      <c r="N59" s="180">
        <v>0.58173250698375945</v>
      </c>
      <c r="O59" s="93">
        <v>9.7309150674059819E-2</v>
      </c>
      <c r="P59" s="177">
        <v>99</v>
      </c>
      <c r="Q59" s="180">
        <v>0.36373214868097398</v>
      </c>
      <c r="R59" s="93">
        <v>9.5092252537494926E-2</v>
      </c>
      <c r="S59" s="180">
        <v>0.18969412919315418</v>
      </c>
      <c r="T59" s="93">
        <v>7.9083060942707395E-2</v>
      </c>
      <c r="U59" s="180">
        <v>0.44657372212587154</v>
      </c>
      <c r="V59" s="93">
        <v>9.8011892765516598E-2</v>
      </c>
    </row>
    <row r="61" spans="1:22" ht="18.75">
      <c r="A61" s="340" t="s">
        <v>233</v>
      </c>
      <c r="B61" s="340"/>
      <c r="C61" s="340"/>
      <c r="D61" s="340"/>
    </row>
    <row r="62" spans="1:22" ht="112.5" customHeight="1">
      <c r="A62" s="394" t="s">
        <v>413</v>
      </c>
      <c r="B62" s="394"/>
      <c r="C62" s="394"/>
      <c r="D62" s="394"/>
    </row>
    <row r="63" spans="1:22" ht="39" customHeight="1">
      <c r="A63" s="392" t="s">
        <v>234</v>
      </c>
      <c r="B63" s="392"/>
      <c r="C63" s="392"/>
      <c r="D63" s="392"/>
    </row>
    <row r="64" spans="1:22" ht="39" customHeight="1">
      <c r="A64" s="36" t="s">
        <v>70</v>
      </c>
      <c r="B64" s="37" t="s">
        <v>71</v>
      </c>
      <c r="C64" s="38" t="s">
        <v>593</v>
      </c>
      <c r="D64" s="39" t="s">
        <v>72</v>
      </c>
    </row>
    <row r="65" spans="1:4" ht="72">
      <c r="A65" s="40"/>
      <c r="B65" s="41" t="s">
        <v>73</v>
      </c>
      <c r="C65" s="127" t="s">
        <v>133</v>
      </c>
      <c r="D65" s="43" t="s">
        <v>75</v>
      </c>
    </row>
    <row r="66" spans="1:4">
      <c r="A66" s="44" t="s">
        <v>349</v>
      </c>
      <c r="B66" s="182">
        <v>13917</v>
      </c>
      <c r="C66" s="83">
        <v>3.2074450421480307</v>
      </c>
      <c r="D66" s="84">
        <v>2.489005461921338E-2</v>
      </c>
    </row>
    <row r="67" spans="1:4">
      <c r="A67" s="48" t="s">
        <v>350</v>
      </c>
      <c r="B67" s="48">
        <v>10206</v>
      </c>
      <c r="C67" s="185">
        <v>3.3536985486791351</v>
      </c>
      <c r="D67" s="186">
        <v>2.8654610158544529E-2</v>
      </c>
    </row>
    <row r="68" spans="1:4">
      <c r="A68" s="44" t="s">
        <v>351</v>
      </c>
      <c r="B68" s="52">
        <v>3711</v>
      </c>
      <c r="C68" s="83">
        <v>3.0887609169298753</v>
      </c>
      <c r="D68" s="84">
        <v>4.8343121708030068E-2</v>
      </c>
    </row>
    <row r="69" spans="1:4">
      <c r="A69" s="48" t="s">
        <v>558</v>
      </c>
      <c r="B69" s="48">
        <v>335</v>
      </c>
      <c r="C69" s="185">
        <v>3.0534472684115697</v>
      </c>
      <c r="D69" s="186">
        <v>0.15814192990624934</v>
      </c>
    </row>
    <row r="70" spans="1:4">
      <c r="A70" s="44" t="s">
        <v>559</v>
      </c>
      <c r="B70" s="52">
        <v>3618</v>
      </c>
      <c r="C70" s="83">
        <v>3.2647915311468689</v>
      </c>
      <c r="D70" s="84">
        <v>4.8279311435323838E-2</v>
      </c>
    </row>
    <row r="71" spans="1:4">
      <c r="A71" s="48" t="s">
        <v>560</v>
      </c>
      <c r="B71" s="48">
        <v>2967</v>
      </c>
      <c r="C71" s="185">
        <v>3.4877846377607846</v>
      </c>
      <c r="D71" s="186">
        <v>5.2296166038269025E-2</v>
      </c>
    </row>
    <row r="72" spans="1:4">
      <c r="A72" s="44" t="s">
        <v>368</v>
      </c>
      <c r="B72" s="52">
        <v>159</v>
      </c>
      <c r="C72" s="83">
        <v>3.1978221084451866</v>
      </c>
      <c r="D72" s="84">
        <v>0.21039449830212903</v>
      </c>
    </row>
    <row r="73" spans="1:4">
      <c r="A73" s="48" t="s">
        <v>150</v>
      </c>
      <c r="B73" s="48">
        <v>271</v>
      </c>
      <c r="C73" s="185">
        <v>3.8486569137986062</v>
      </c>
      <c r="D73" s="186">
        <v>0.17878680544588163</v>
      </c>
    </row>
    <row r="74" spans="1:4">
      <c r="A74" s="44" t="s">
        <v>352</v>
      </c>
      <c r="B74" s="52">
        <v>120</v>
      </c>
      <c r="C74" s="83">
        <v>3.9726746670747306</v>
      </c>
      <c r="D74" s="84">
        <v>0.27619016634989113</v>
      </c>
    </row>
    <row r="75" spans="1:4">
      <c r="A75" s="48" t="s">
        <v>353</v>
      </c>
      <c r="B75" s="48">
        <v>116</v>
      </c>
      <c r="C75" s="185">
        <v>3.7085976205571121</v>
      </c>
      <c r="D75" s="186">
        <v>0.26396549422871751</v>
      </c>
    </row>
    <row r="76" spans="1:4">
      <c r="A76" s="44" t="s">
        <v>369</v>
      </c>
      <c r="B76" s="182">
        <v>423</v>
      </c>
      <c r="C76" s="83">
        <v>3.6169809092165255</v>
      </c>
      <c r="D76" s="84">
        <v>0.14715026666554859</v>
      </c>
    </row>
    <row r="77" spans="1:4">
      <c r="A77" s="48" t="s">
        <v>354</v>
      </c>
      <c r="B77" s="184">
        <v>70</v>
      </c>
      <c r="C77" s="185">
        <v>3.977319205211217</v>
      </c>
      <c r="D77" s="186">
        <v>0.32612321945441225</v>
      </c>
    </row>
    <row r="78" spans="1:4">
      <c r="A78" s="44" t="s">
        <v>355</v>
      </c>
      <c r="B78" s="82">
        <v>76</v>
      </c>
      <c r="C78" s="83">
        <v>3.5060099990720421</v>
      </c>
      <c r="D78" s="84">
        <v>0.36210859228262449</v>
      </c>
    </row>
    <row r="79" spans="1:4">
      <c r="A79" s="48" t="s">
        <v>356</v>
      </c>
      <c r="B79" s="184">
        <v>67</v>
      </c>
      <c r="C79" s="185">
        <v>3.5831537989928472</v>
      </c>
      <c r="D79" s="186">
        <v>0.39037096678576277</v>
      </c>
    </row>
    <row r="80" spans="1:4">
      <c r="A80" s="56" t="s">
        <v>357</v>
      </c>
      <c r="B80" s="182">
        <v>53</v>
      </c>
      <c r="C80" s="83">
        <v>3.7709984027871384</v>
      </c>
      <c r="D80" s="84">
        <v>0.37907491273076038</v>
      </c>
    </row>
    <row r="81" spans="1:30">
      <c r="A81" s="48" t="s">
        <v>358</v>
      </c>
      <c r="B81" s="184">
        <v>98</v>
      </c>
      <c r="C81" s="185">
        <v>3.516621463620043</v>
      </c>
      <c r="D81" s="186">
        <v>0.29724373389946696</v>
      </c>
    </row>
    <row r="82" spans="1:30">
      <c r="A82" s="56" t="s">
        <v>359</v>
      </c>
      <c r="B82" s="182">
        <v>114</v>
      </c>
      <c r="C82" s="83">
        <v>3.548736049846291</v>
      </c>
      <c r="D82" s="84">
        <v>0.28714399895845127</v>
      </c>
    </row>
    <row r="83" spans="1:30">
      <c r="A83" s="48" t="s">
        <v>371</v>
      </c>
      <c r="B83" s="184">
        <v>182</v>
      </c>
      <c r="C83" s="185">
        <v>3.6502931192244321</v>
      </c>
      <c r="D83" s="186">
        <v>0.18928986404749754</v>
      </c>
    </row>
    <row r="84" spans="1:30">
      <c r="A84" s="56" t="s">
        <v>360</v>
      </c>
      <c r="B84" s="182">
        <v>102</v>
      </c>
      <c r="C84" s="83">
        <v>3.7269044368237689</v>
      </c>
      <c r="D84" s="84">
        <v>0.24910881075408628</v>
      </c>
    </row>
    <row r="85" spans="1:30">
      <c r="A85" s="48" t="s">
        <v>370</v>
      </c>
      <c r="B85" s="184">
        <v>294</v>
      </c>
      <c r="C85" s="185">
        <v>3.5352194748604631</v>
      </c>
      <c r="D85" s="186">
        <v>0.14943612324987313</v>
      </c>
      <c r="P85" s="249"/>
      <c r="Q85" s="249"/>
      <c r="R85" s="249"/>
      <c r="S85" s="249"/>
      <c r="T85" s="249"/>
      <c r="U85" s="249"/>
      <c r="V85" s="249"/>
      <c r="W85" s="249"/>
      <c r="X85" s="249"/>
      <c r="Y85" s="249"/>
      <c r="Z85" s="249"/>
      <c r="AA85" s="249"/>
      <c r="AB85" s="249"/>
      <c r="AC85" s="249"/>
      <c r="AD85" s="249"/>
    </row>
    <row r="86" spans="1:30">
      <c r="A86" s="56" t="s">
        <v>361</v>
      </c>
      <c r="B86" s="182">
        <v>127</v>
      </c>
      <c r="C86" s="83">
        <v>3.5973884452859868</v>
      </c>
      <c r="D86" s="84">
        <v>0.22294827897030473</v>
      </c>
      <c r="P86" s="249"/>
      <c r="Q86" s="249"/>
      <c r="R86" s="249"/>
      <c r="S86" s="249"/>
      <c r="T86" s="249"/>
      <c r="U86" s="249"/>
      <c r="V86" s="249"/>
      <c r="W86" s="249"/>
      <c r="X86" s="249"/>
      <c r="Y86" s="249"/>
      <c r="Z86" s="249"/>
      <c r="AA86" s="249"/>
      <c r="AB86" s="249"/>
      <c r="AC86" s="249"/>
      <c r="AD86" s="249"/>
    </row>
    <row r="87" spans="1:30">
      <c r="A87" s="48" t="s">
        <v>375</v>
      </c>
      <c r="B87" s="184">
        <v>112</v>
      </c>
      <c r="C87" s="185">
        <v>3.4490352636627692</v>
      </c>
      <c r="D87" s="186">
        <v>0.23987827191168304</v>
      </c>
      <c r="P87" s="249"/>
      <c r="Q87" s="249"/>
      <c r="R87" s="249"/>
      <c r="S87" s="249"/>
      <c r="T87" s="249"/>
      <c r="U87" s="249"/>
      <c r="V87" s="249"/>
      <c r="W87" s="249"/>
      <c r="X87" s="249"/>
      <c r="Y87" s="249"/>
      <c r="Z87" s="249"/>
      <c r="AA87" s="249"/>
      <c r="AB87" s="249"/>
      <c r="AC87" s="249"/>
      <c r="AD87" s="249"/>
    </row>
    <row r="88" spans="1:30">
      <c r="A88" s="56" t="s">
        <v>358</v>
      </c>
      <c r="B88" s="182">
        <v>98</v>
      </c>
      <c r="C88" s="83">
        <v>3.516621463620043</v>
      </c>
      <c r="D88" s="84">
        <v>0.29724373389946696</v>
      </c>
      <c r="P88" s="249"/>
      <c r="Q88" s="249"/>
      <c r="R88" s="249"/>
      <c r="S88" s="249"/>
      <c r="T88" s="249"/>
      <c r="U88" s="249"/>
      <c r="V88" s="249"/>
      <c r="W88" s="249"/>
      <c r="X88" s="249"/>
      <c r="Y88" s="249"/>
      <c r="Z88" s="249"/>
      <c r="AA88" s="249"/>
      <c r="AB88" s="249"/>
      <c r="AC88" s="249"/>
      <c r="AD88" s="249"/>
    </row>
    <row r="89" spans="1:30">
      <c r="P89" s="249"/>
      <c r="Q89" s="249"/>
      <c r="R89" s="249"/>
      <c r="S89" s="249"/>
      <c r="T89" s="249"/>
      <c r="U89" s="249"/>
      <c r="V89" s="249"/>
      <c r="W89" s="249"/>
      <c r="X89" s="249"/>
      <c r="Y89" s="249"/>
      <c r="Z89" s="249"/>
      <c r="AA89" s="249"/>
      <c r="AB89" s="249"/>
      <c r="AC89" s="249"/>
      <c r="AD89" s="249"/>
    </row>
    <row r="90" spans="1:30" ht="18.75">
      <c r="A90" s="340" t="s">
        <v>46</v>
      </c>
      <c r="B90" s="340"/>
      <c r="C90" s="340"/>
      <c r="D90" s="340"/>
      <c r="E90" s="340"/>
      <c r="F90" s="340"/>
      <c r="G90" s="340"/>
      <c r="H90" s="340"/>
      <c r="I90" s="340"/>
      <c r="J90" s="340"/>
      <c r="K90" s="340"/>
      <c r="L90" s="340"/>
      <c r="M90" s="340"/>
      <c r="N90" s="340"/>
      <c r="O90" s="340"/>
      <c r="P90" s="340"/>
      <c r="Q90" s="340"/>
      <c r="R90" s="340"/>
      <c r="S90" s="340"/>
      <c r="T90" s="340"/>
      <c r="U90" s="340"/>
      <c r="V90" s="340"/>
      <c r="W90" s="231"/>
      <c r="X90" s="231"/>
      <c r="Y90" s="231"/>
      <c r="Z90" s="231"/>
      <c r="AA90" s="231"/>
      <c r="AB90" s="231"/>
      <c r="AC90" s="231"/>
      <c r="AD90" s="249"/>
    </row>
    <row r="91" spans="1:30" ht="38.25" customHeight="1">
      <c r="A91" s="400" t="s">
        <v>414</v>
      </c>
      <c r="B91" s="400"/>
      <c r="C91" s="400"/>
      <c r="D91" s="400"/>
      <c r="E91" s="400"/>
      <c r="F91" s="400"/>
      <c r="G91" s="400"/>
      <c r="H91" s="400"/>
      <c r="I91" s="400"/>
      <c r="J91" s="400"/>
      <c r="K91" s="400"/>
      <c r="L91" s="400"/>
      <c r="M91" s="400"/>
      <c r="N91" s="400"/>
      <c r="O91" s="400"/>
      <c r="P91" s="400"/>
      <c r="Q91" s="400"/>
      <c r="R91" s="400"/>
      <c r="S91" s="400"/>
      <c r="T91" s="400"/>
      <c r="U91" s="400"/>
      <c r="V91" s="400"/>
      <c r="W91" s="246"/>
      <c r="X91" s="246"/>
      <c r="Y91" s="246"/>
      <c r="Z91" s="246"/>
      <c r="AA91" s="246"/>
      <c r="AB91" s="246"/>
      <c r="AC91" s="246"/>
      <c r="AD91" s="249"/>
    </row>
    <row r="92" spans="1:30" ht="38.25" customHeight="1">
      <c r="A92" s="63"/>
      <c r="B92" s="346" t="s">
        <v>415</v>
      </c>
      <c r="C92" s="346"/>
      <c r="D92" s="346"/>
      <c r="E92" s="346"/>
      <c r="F92" s="346"/>
      <c r="G92" s="346"/>
      <c r="H92" s="346"/>
      <c r="I92" s="346" t="s">
        <v>217</v>
      </c>
      <c r="J92" s="346"/>
      <c r="K92" s="346"/>
      <c r="L92" s="346"/>
      <c r="M92" s="346"/>
      <c r="N92" s="346"/>
      <c r="O92" s="346"/>
      <c r="P92" s="395" t="s">
        <v>218</v>
      </c>
      <c r="Q92" s="396"/>
      <c r="R92" s="396"/>
      <c r="S92" s="396"/>
      <c r="T92" s="396"/>
      <c r="U92" s="396"/>
      <c r="V92" s="397"/>
    </row>
    <row r="93" spans="1:30" ht="72">
      <c r="A93" s="36" t="s">
        <v>70</v>
      </c>
      <c r="B93" s="37" t="s">
        <v>71</v>
      </c>
      <c r="C93" s="37" t="s">
        <v>180</v>
      </c>
      <c r="D93" s="88" t="s">
        <v>134</v>
      </c>
      <c r="E93" s="37" t="s">
        <v>181</v>
      </c>
      <c r="F93" s="88" t="s">
        <v>135</v>
      </c>
      <c r="G93" s="37" t="s">
        <v>182</v>
      </c>
      <c r="H93" s="88" t="s">
        <v>136</v>
      </c>
      <c r="I93" s="64" t="s">
        <v>71</v>
      </c>
      <c r="J93" s="64" t="s">
        <v>180</v>
      </c>
      <c r="K93" s="87" t="s">
        <v>134</v>
      </c>
      <c r="L93" s="64" t="s">
        <v>181</v>
      </c>
      <c r="M93" s="87" t="s">
        <v>135</v>
      </c>
      <c r="N93" s="64" t="s">
        <v>182</v>
      </c>
      <c r="O93" s="87" t="s">
        <v>136</v>
      </c>
      <c r="P93" s="37" t="s">
        <v>71</v>
      </c>
      <c r="Q93" s="37" t="s">
        <v>180</v>
      </c>
      <c r="R93" s="88" t="s">
        <v>134</v>
      </c>
      <c r="S93" s="37" t="s">
        <v>181</v>
      </c>
      <c r="T93" s="88" t="s">
        <v>135</v>
      </c>
      <c r="U93" s="37" t="s">
        <v>182</v>
      </c>
      <c r="V93" s="88" t="s">
        <v>136</v>
      </c>
    </row>
    <row r="94" spans="1:30" ht="72">
      <c r="A94" s="40"/>
      <c r="B94" s="41" t="s">
        <v>73</v>
      </c>
      <c r="C94" s="41" t="s">
        <v>159</v>
      </c>
      <c r="D94" s="90" t="s">
        <v>87</v>
      </c>
      <c r="E94" s="41" t="s">
        <v>160</v>
      </c>
      <c r="F94" s="90" t="s">
        <v>87</v>
      </c>
      <c r="G94" s="41" t="s">
        <v>161</v>
      </c>
      <c r="H94" s="90" t="s">
        <v>87</v>
      </c>
      <c r="I94" s="67" t="s">
        <v>73</v>
      </c>
      <c r="J94" s="67" t="s">
        <v>159</v>
      </c>
      <c r="K94" s="89" t="s">
        <v>87</v>
      </c>
      <c r="L94" s="67" t="s">
        <v>160</v>
      </c>
      <c r="M94" s="89" t="s">
        <v>87</v>
      </c>
      <c r="N94" s="67" t="s">
        <v>161</v>
      </c>
      <c r="O94" s="89" t="s">
        <v>87</v>
      </c>
      <c r="P94" s="41" t="s">
        <v>73</v>
      </c>
      <c r="Q94" s="41" t="s">
        <v>159</v>
      </c>
      <c r="R94" s="90" t="s">
        <v>87</v>
      </c>
      <c r="S94" s="41" t="s">
        <v>160</v>
      </c>
      <c r="T94" s="90" t="s">
        <v>87</v>
      </c>
      <c r="U94" s="41" t="s">
        <v>161</v>
      </c>
      <c r="V94" s="90" t="s">
        <v>87</v>
      </c>
    </row>
    <row r="95" spans="1:30">
      <c r="A95" s="44" t="s">
        <v>349</v>
      </c>
      <c r="B95" s="182">
        <v>13864</v>
      </c>
      <c r="C95" s="187">
        <v>0.36941685225473447</v>
      </c>
      <c r="D95" s="93">
        <v>8.1971291735852322E-3</v>
      </c>
      <c r="E95" s="187">
        <v>0.18191280805711105</v>
      </c>
      <c r="F95" s="93">
        <v>6.5529921928604217E-3</v>
      </c>
      <c r="G95" s="187">
        <v>0.4486703396881711</v>
      </c>
      <c r="H95" s="93">
        <v>8.4468303567892446E-3</v>
      </c>
      <c r="I95" s="182">
        <v>13874</v>
      </c>
      <c r="J95" s="187">
        <v>0.68703414810968599</v>
      </c>
      <c r="K95" s="93">
        <v>7.8727154349536518E-3</v>
      </c>
      <c r="L95" s="187">
        <v>0.10693583474896291</v>
      </c>
      <c r="M95" s="93">
        <v>5.2489435293593826E-3</v>
      </c>
      <c r="N95" s="187">
        <v>0.20603001714136485</v>
      </c>
      <c r="O95" s="93">
        <v>6.8675203366448962E-3</v>
      </c>
      <c r="P95" s="182">
        <v>13801</v>
      </c>
      <c r="Q95" s="187">
        <v>0.63243341264434283</v>
      </c>
      <c r="R95" s="93">
        <v>8.2072317890079828E-3</v>
      </c>
      <c r="S95" s="187">
        <v>0.11159186567701865</v>
      </c>
      <c r="T95" s="93">
        <v>5.3619862697563397E-3</v>
      </c>
      <c r="U95" s="187">
        <v>0.25597472167865454</v>
      </c>
      <c r="V95" s="93">
        <v>7.429224998737969E-3</v>
      </c>
    </row>
    <row r="96" spans="1:30">
      <c r="A96" s="48" t="s">
        <v>350</v>
      </c>
      <c r="B96" s="184">
        <v>10169</v>
      </c>
      <c r="C96" s="188">
        <v>0.29921799622467765</v>
      </c>
      <c r="D96" s="96">
        <v>9.0807897432153995E-3</v>
      </c>
      <c r="E96" s="188">
        <v>0.17364389363614335</v>
      </c>
      <c r="F96" s="96">
        <v>7.513556227539942E-3</v>
      </c>
      <c r="G96" s="188">
        <v>0.52713811013917389</v>
      </c>
      <c r="H96" s="96">
        <v>9.9000033665326351E-3</v>
      </c>
      <c r="I96" s="184">
        <v>10178</v>
      </c>
      <c r="J96" s="188">
        <v>0.67399356076051931</v>
      </c>
      <c r="K96" s="96">
        <v>9.2913305987163321E-3</v>
      </c>
      <c r="L96" s="188">
        <v>9.8012257373976036E-2</v>
      </c>
      <c r="M96" s="96">
        <v>5.8974672176965066E-3</v>
      </c>
      <c r="N96" s="188">
        <v>0.22799418186549908</v>
      </c>
      <c r="O96" s="96">
        <v>8.3168201397571546E-3</v>
      </c>
      <c r="P96" s="184">
        <v>10110</v>
      </c>
      <c r="Q96" s="188">
        <v>0.64785030239475649</v>
      </c>
      <c r="R96" s="96">
        <v>9.4991767243926203E-3</v>
      </c>
      <c r="S96" s="188">
        <v>9.3200115458179425E-2</v>
      </c>
      <c r="T96" s="96">
        <v>5.7858673099878671E-3</v>
      </c>
      <c r="U96" s="188">
        <v>0.25894958214705782</v>
      </c>
      <c r="V96" s="96">
        <v>8.7126847142486377E-3</v>
      </c>
    </row>
    <row r="97" spans="1:22">
      <c r="A97" s="44" t="s">
        <v>351</v>
      </c>
      <c r="B97" s="182">
        <v>3695</v>
      </c>
      <c r="C97" s="187">
        <v>0.4264237590466618</v>
      </c>
      <c r="D97" s="93">
        <v>1.6263517916383152E-2</v>
      </c>
      <c r="E97" s="187">
        <v>0.18862780685231045</v>
      </c>
      <c r="F97" s="93">
        <v>1.2873537070686917E-2</v>
      </c>
      <c r="G97" s="187">
        <v>0.38494843410102897</v>
      </c>
      <c r="H97" s="93">
        <v>1.6001883833632921E-2</v>
      </c>
      <c r="I97" s="182">
        <v>3696</v>
      </c>
      <c r="J97" s="187">
        <v>0.69762716992267959</v>
      </c>
      <c r="K97" s="93">
        <v>1.5104246853814672E-2</v>
      </c>
      <c r="L97" s="187">
        <v>0.11418456114849343</v>
      </c>
      <c r="M97" s="93">
        <v>1.0473550661158119E-2</v>
      </c>
      <c r="N97" s="187">
        <v>0.18818826892882773</v>
      </c>
      <c r="O97" s="93">
        <v>1.2860311892058386E-2</v>
      </c>
      <c r="P97" s="182">
        <v>3691</v>
      </c>
      <c r="Q97" s="187">
        <v>0.61996938191198347</v>
      </c>
      <c r="R97" s="93">
        <v>1.5971506831509177E-2</v>
      </c>
      <c r="S97" s="187">
        <v>0.12646096986470978</v>
      </c>
      <c r="T97" s="93">
        <v>1.0950523604734065E-2</v>
      </c>
      <c r="U97" s="187">
        <v>0.25356964822330663</v>
      </c>
      <c r="V97" s="93">
        <v>1.4319134386208946E-2</v>
      </c>
    </row>
    <row r="98" spans="1:22">
      <c r="A98" s="48" t="s">
        <v>558</v>
      </c>
      <c r="B98" s="184">
        <v>333</v>
      </c>
      <c r="C98" s="188">
        <v>0.38735221187082836</v>
      </c>
      <c r="D98" s="96">
        <v>5.3106457450178828E-2</v>
      </c>
      <c r="E98" s="188">
        <v>0.1892374289163628</v>
      </c>
      <c r="F98" s="96">
        <v>4.2989966651873733E-2</v>
      </c>
      <c r="G98" s="188">
        <v>0.42341035921280901</v>
      </c>
      <c r="H98" s="96">
        <v>5.3845856720393284E-2</v>
      </c>
      <c r="I98" s="184">
        <v>335</v>
      </c>
      <c r="J98" s="188">
        <v>0.76437513243995014</v>
      </c>
      <c r="K98" s="96">
        <v>4.63086323433314E-2</v>
      </c>
      <c r="L98" s="188">
        <v>6.8997025180689883E-2</v>
      </c>
      <c r="M98" s="96">
        <v>2.844948397686339E-2</v>
      </c>
      <c r="N98" s="188">
        <v>0.16662784237936037</v>
      </c>
      <c r="O98" s="96">
        <v>4.0856643154279962E-2</v>
      </c>
      <c r="P98" s="184">
        <v>335</v>
      </c>
      <c r="Q98" s="188">
        <v>0.64090502562371965</v>
      </c>
      <c r="R98" s="96">
        <v>5.2163974032937557E-2</v>
      </c>
      <c r="S98" s="188">
        <v>8.3727937961600121E-2</v>
      </c>
      <c r="T98" s="96">
        <v>3.0873747248125531E-2</v>
      </c>
      <c r="U98" s="188">
        <v>0.2753670364146808</v>
      </c>
      <c r="V98" s="96">
        <v>4.8666440623415741E-2</v>
      </c>
    </row>
    <row r="99" spans="1:22">
      <c r="A99" s="44" t="s">
        <v>559</v>
      </c>
      <c r="B99" s="182">
        <v>3606</v>
      </c>
      <c r="C99" s="187">
        <v>0.35058351839667684</v>
      </c>
      <c r="D99" s="93">
        <v>1.5884770731686808E-2</v>
      </c>
      <c r="E99" s="187">
        <v>0.18945473769943685</v>
      </c>
      <c r="F99" s="93">
        <v>1.3053278230106793E-2</v>
      </c>
      <c r="G99" s="187">
        <v>0.4599617439039031</v>
      </c>
      <c r="H99" s="93">
        <v>1.6590238045859539E-2</v>
      </c>
      <c r="I99" s="182">
        <v>3608</v>
      </c>
      <c r="J99" s="187">
        <v>0.66954545295160139</v>
      </c>
      <c r="K99" s="93">
        <v>1.5655410690560867E-2</v>
      </c>
      <c r="L99" s="187">
        <v>0.10874873289864072</v>
      </c>
      <c r="M99" s="93">
        <v>1.0378298577003038E-2</v>
      </c>
      <c r="N99" s="187">
        <v>0.2217058141497672</v>
      </c>
      <c r="O99" s="93">
        <v>1.3830319032446367E-2</v>
      </c>
      <c r="P99" s="182">
        <v>3582</v>
      </c>
      <c r="Q99" s="187">
        <v>0.62946396900439716</v>
      </c>
      <c r="R99" s="93">
        <v>1.6130963314091352E-2</v>
      </c>
      <c r="S99" s="187">
        <v>0.1148782398241654</v>
      </c>
      <c r="T99" s="93">
        <v>1.0667197444598759E-2</v>
      </c>
      <c r="U99" s="187">
        <v>0.25565779117144805</v>
      </c>
      <c r="V99" s="93">
        <v>1.4574462238222815E-2</v>
      </c>
    </row>
    <row r="100" spans="1:22">
      <c r="A100" s="48" t="s">
        <v>560</v>
      </c>
      <c r="B100" s="184">
        <v>2959</v>
      </c>
      <c r="C100" s="188">
        <v>0.25435232808505831</v>
      </c>
      <c r="D100" s="96">
        <v>1.6007930652511878E-2</v>
      </c>
      <c r="E100" s="188">
        <v>0.16886089611074065</v>
      </c>
      <c r="F100" s="96">
        <v>1.3779163407471899E-2</v>
      </c>
      <c r="G100" s="188">
        <v>0.57678677580419746</v>
      </c>
      <c r="H100" s="96">
        <v>1.8153717948980252E-2</v>
      </c>
      <c r="I100" s="184">
        <v>2957</v>
      </c>
      <c r="J100" s="188">
        <v>0.65965936107616019</v>
      </c>
      <c r="K100" s="96">
        <v>1.7417832905221614E-2</v>
      </c>
      <c r="L100" s="188">
        <v>9.3019882892215813E-2</v>
      </c>
      <c r="M100" s="96">
        <v>1.0703986580856507E-2</v>
      </c>
      <c r="N100" s="188">
        <v>0.24732075603162215</v>
      </c>
      <c r="O100" s="96">
        <v>1.5865254285473817E-2</v>
      </c>
      <c r="P100" s="184">
        <v>2935</v>
      </c>
      <c r="Q100" s="188">
        <v>0.6357467652420985</v>
      </c>
      <c r="R100" s="96">
        <v>1.775501273555237E-2</v>
      </c>
      <c r="S100" s="188">
        <v>9.0803796333557021E-2</v>
      </c>
      <c r="T100" s="96">
        <v>1.0629325410522155E-2</v>
      </c>
      <c r="U100" s="188">
        <v>0.27344943842434327</v>
      </c>
      <c r="V100" s="96">
        <v>1.6449556070452811E-2</v>
      </c>
    </row>
    <row r="101" spans="1:22">
      <c r="A101" s="44" t="s">
        <v>368</v>
      </c>
      <c r="B101" s="182">
        <v>158</v>
      </c>
      <c r="C101" s="187">
        <v>0.33518685782573526</v>
      </c>
      <c r="D101" s="93">
        <v>7.439657975971177E-2</v>
      </c>
      <c r="E101" s="187">
        <v>0.15694920978721708</v>
      </c>
      <c r="F101" s="93">
        <v>5.8384835616657603E-2</v>
      </c>
      <c r="G101" s="187">
        <v>0.50786393238704752</v>
      </c>
      <c r="H101" s="93">
        <v>7.8558176093784668E-2</v>
      </c>
      <c r="I101" s="182">
        <v>159</v>
      </c>
      <c r="J101" s="187">
        <v>0.72115928976072075</v>
      </c>
      <c r="K101" s="93">
        <v>7.0660282032351654E-2</v>
      </c>
      <c r="L101" s="187">
        <v>0.10209061554224559</v>
      </c>
      <c r="M101" s="93">
        <v>4.9374905612958674E-2</v>
      </c>
      <c r="N101" s="187">
        <v>0.17675009469703393</v>
      </c>
      <c r="O101" s="93">
        <v>6.0787256922542887E-2</v>
      </c>
      <c r="P101" s="182">
        <v>159</v>
      </c>
      <c r="Q101" s="187">
        <v>0.68050003278585625</v>
      </c>
      <c r="R101" s="93">
        <v>7.3309018922152441E-2</v>
      </c>
      <c r="S101" s="187">
        <v>7.909963810286906E-2</v>
      </c>
      <c r="T101" s="93">
        <v>4.4702432117005163E-2</v>
      </c>
      <c r="U101" s="187">
        <v>0.24040032911127501</v>
      </c>
      <c r="V101" s="93">
        <v>6.7537766636416113E-2</v>
      </c>
    </row>
    <row r="102" spans="1:22">
      <c r="A102" s="48" t="s">
        <v>150</v>
      </c>
      <c r="B102" s="184">
        <v>271</v>
      </c>
      <c r="C102" s="188">
        <v>0.22868341851869245</v>
      </c>
      <c r="D102" s="96">
        <v>5.0956408943756422E-2</v>
      </c>
      <c r="E102" s="188">
        <v>0.1499724815280005</v>
      </c>
      <c r="F102" s="96">
        <v>4.3654679914597844E-2</v>
      </c>
      <c r="G102" s="188">
        <v>0.62134409995330442</v>
      </c>
      <c r="H102" s="96">
        <v>5.8552334330825517E-2</v>
      </c>
      <c r="I102" s="184">
        <v>270</v>
      </c>
      <c r="J102" s="188">
        <v>0.52297802625127676</v>
      </c>
      <c r="K102" s="96">
        <v>6.0350232498926626E-2</v>
      </c>
      <c r="L102" s="188">
        <v>0.10865589767563776</v>
      </c>
      <c r="M102" s="96">
        <v>3.8453440133472953E-2</v>
      </c>
      <c r="N102" s="188">
        <v>0.36836607607308397</v>
      </c>
      <c r="O102" s="96">
        <v>5.8343899836516444E-2</v>
      </c>
      <c r="P102" s="184">
        <v>270</v>
      </c>
      <c r="Q102" s="188">
        <v>0.54903208477119458</v>
      </c>
      <c r="R102" s="96">
        <v>6.0129487564571087E-2</v>
      </c>
      <c r="S102" s="188">
        <v>0.1146432677889071</v>
      </c>
      <c r="T102" s="96">
        <v>3.930125124893389E-2</v>
      </c>
      <c r="U102" s="188">
        <v>0.33632464743989632</v>
      </c>
      <c r="V102" s="96">
        <v>5.7182873290579049E-2</v>
      </c>
    </row>
    <row r="103" spans="1:22">
      <c r="A103" s="44" t="s">
        <v>352</v>
      </c>
      <c r="B103" s="182">
        <v>120</v>
      </c>
      <c r="C103" s="187">
        <v>0.24278241001733103</v>
      </c>
      <c r="D103" s="93">
        <v>7.7883020210680609E-2</v>
      </c>
      <c r="E103" s="187">
        <v>0.18805387871093193</v>
      </c>
      <c r="F103" s="93">
        <v>7.1587178323215095E-2</v>
      </c>
      <c r="G103" s="187">
        <v>0.56916371127173615</v>
      </c>
      <c r="H103" s="93">
        <v>8.8994386171214204E-2</v>
      </c>
      <c r="I103" s="182">
        <v>119</v>
      </c>
      <c r="J103" s="187">
        <v>0.48875356687211391</v>
      </c>
      <c r="K103" s="93">
        <v>9.0145611289030411E-2</v>
      </c>
      <c r="L103" s="187">
        <v>0.13906793250059063</v>
      </c>
      <c r="M103" s="93">
        <v>6.4534164033399039E-2</v>
      </c>
      <c r="N103" s="187">
        <v>0.37217850062729396</v>
      </c>
      <c r="O103" s="93">
        <v>8.7365607141537197E-2</v>
      </c>
      <c r="P103" s="182">
        <v>119</v>
      </c>
      <c r="Q103" s="187">
        <v>0.46931566993969726</v>
      </c>
      <c r="R103" s="93">
        <v>9.0007897351095947E-2</v>
      </c>
      <c r="S103" s="187">
        <v>0.13627826172306404</v>
      </c>
      <c r="T103" s="93">
        <v>6.4055626926108181E-2</v>
      </c>
      <c r="U103" s="187">
        <v>0.39440606833723729</v>
      </c>
      <c r="V103" s="93">
        <v>8.8264815507895014E-2</v>
      </c>
    </row>
    <row r="104" spans="1:22">
      <c r="A104" s="48" t="s">
        <v>353</v>
      </c>
      <c r="B104" s="184">
        <v>116</v>
      </c>
      <c r="C104" s="188">
        <v>0.22108157119118929</v>
      </c>
      <c r="D104" s="96">
        <v>7.6877486221660532E-2</v>
      </c>
      <c r="E104" s="188">
        <v>0.11296708927444074</v>
      </c>
      <c r="F104" s="96">
        <v>6.0559993938936407E-2</v>
      </c>
      <c r="G104" s="188">
        <v>0.66595133953436914</v>
      </c>
      <c r="H104" s="96">
        <v>8.6461078504118771E-2</v>
      </c>
      <c r="I104" s="184">
        <v>116</v>
      </c>
      <c r="J104" s="188">
        <v>0.58481383868303682</v>
      </c>
      <c r="K104" s="96">
        <v>9.0051499943861343E-2</v>
      </c>
      <c r="L104" s="188">
        <v>7.7995122693354804E-2</v>
      </c>
      <c r="M104" s="96">
        <v>5.2784640740299885E-2</v>
      </c>
      <c r="N104" s="188">
        <v>0.33719103862360755</v>
      </c>
      <c r="O104" s="96">
        <v>8.6646967120598786E-2</v>
      </c>
      <c r="P104" s="184">
        <v>116</v>
      </c>
      <c r="Q104" s="188">
        <v>0.62847553540386669</v>
      </c>
      <c r="R104" s="96">
        <v>8.8426258240047864E-2</v>
      </c>
      <c r="S104" s="188">
        <v>8.5285925769412532E-2</v>
      </c>
      <c r="T104" s="96">
        <v>5.4554862298183349E-2</v>
      </c>
      <c r="U104" s="188">
        <v>0.2862385388267199</v>
      </c>
      <c r="V104" s="96">
        <v>8.3126716684039426E-2</v>
      </c>
    </row>
    <row r="105" spans="1:22">
      <c r="A105" s="44" t="s">
        <v>369</v>
      </c>
      <c r="B105" s="182">
        <v>422</v>
      </c>
      <c r="C105" s="187">
        <v>0.28792194801636356</v>
      </c>
      <c r="D105" s="93">
        <v>4.3965797077377113E-2</v>
      </c>
      <c r="E105" s="187">
        <v>0.18373270480846388</v>
      </c>
      <c r="F105" s="93">
        <v>3.7759379394897277E-2</v>
      </c>
      <c r="G105" s="187">
        <v>0.52834534717517267</v>
      </c>
      <c r="H105" s="93">
        <v>4.8373697784974114E-2</v>
      </c>
      <c r="I105" s="182">
        <v>422</v>
      </c>
      <c r="J105" s="187">
        <v>0.55483166462490829</v>
      </c>
      <c r="K105" s="93">
        <v>4.8163423266671557E-2</v>
      </c>
      <c r="L105" s="187">
        <v>0.1210779774322626</v>
      </c>
      <c r="M105" s="93">
        <v>3.2006721048199641E-2</v>
      </c>
      <c r="N105" s="187">
        <v>0.32409035794282948</v>
      </c>
      <c r="O105" s="93">
        <v>4.5412473869588965E-2</v>
      </c>
      <c r="P105" s="182">
        <v>419</v>
      </c>
      <c r="Q105" s="187">
        <v>0.5765442073725654</v>
      </c>
      <c r="R105" s="93">
        <v>4.8059386943082434E-2</v>
      </c>
      <c r="S105" s="187">
        <v>0.10373805909296049</v>
      </c>
      <c r="T105" s="93">
        <v>3.0119093018288957E-2</v>
      </c>
      <c r="U105" s="187">
        <v>0.31971773353447458</v>
      </c>
      <c r="V105" s="93">
        <v>4.5414829473600656E-2</v>
      </c>
    </row>
    <row r="106" spans="1:22">
      <c r="A106" s="48" t="s">
        <v>354</v>
      </c>
      <c r="B106" s="184">
        <v>70</v>
      </c>
      <c r="C106" s="188">
        <v>0.23839039549469621</v>
      </c>
      <c r="D106" s="96">
        <v>0.10101092243146481</v>
      </c>
      <c r="E106" s="188">
        <v>0.14819103432205577</v>
      </c>
      <c r="F106" s="96">
        <v>8.6758225241026415E-2</v>
      </c>
      <c r="G106" s="188">
        <v>0.61341857018324886</v>
      </c>
      <c r="H106" s="96">
        <v>0.11353992513764644</v>
      </c>
      <c r="I106" s="184">
        <v>71</v>
      </c>
      <c r="J106" s="188">
        <v>0.51465875659857463</v>
      </c>
      <c r="K106" s="96">
        <v>0.11542557315380413</v>
      </c>
      <c r="L106" s="188">
        <v>5.5327584624536776E-2</v>
      </c>
      <c r="M106" s="96">
        <v>6.2309156223619835E-2</v>
      </c>
      <c r="N106" s="188">
        <v>0.43001365877688935</v>
      </c>
      <c r="O106" s="96">
        <v>0.11445183963423119</v>
      </c>
      <c r="P106" s="184">
        <v>69</v>
      </c>
      <c r="Q106" s="188">
        <v>0.49703597879337935</v>
      </c>
      <c r="R106" s="96">
        <v>0.11703930986662765</v>
      </c>
      <c r="S106" s="188">
        <v>0.12135285079896838</v>
      </c>
      <c r="T106" s="96">
        <v>8.1730612619876783E-2</v>
      </c>
      <c r="U106" s="188">
        <v>0.38161117040765319</v>
      </c>
      <c r="V106" s="96">
        <v>0.11407231394816138</v>
      </c>
    </row>
    <row r="107" spans="1:22">
      <c r="A107" s="44" t="s">
        <v>355</v>
      </c>
      <c r="B107" s="182">
        <v>76</v>
      </c>
      <c r="C107" s="187">
        <v>0.26788600550258901</v>
      </c>
      <c r="D107" s="93">
        <v>0.10034343325213325</v>
      </c>
      <c r="E107" s="187">
        <v>0.1537651775399092</v>
      </c>
      <c r="F107" s="93">
        <v>8.4204989924504037E-2</v>
      </c>
      <c r="G107" s="187">
        <v>0.57834881695750195</v>
      </c>
      <c r="H107" s="93">
        <v>0.11055767052774476</v>
      </c>
      <c r="I107" s="182">
        <v>76</v>
      </c>
      <c r="J107" s="187">
        <v>0.56139424303333862</v>
      </c>
      <c r="K107" s="93">
        <v>0.11104013893575443</v>
      </c>
      <c r="L107" s="187">
        <v>0.124037573179566</v>
      </c>
      <c r="M107" s="93">
        <v>7.8241184452757698E-2</v>
      </c>
      <c r="N107" s="187">
        <v>0.31456818378709533</v>
      </c>
      <c r="O107" s="93">
        <v>0.10463450076008037</v>
      </c>
      <c r="P107" s="182">
        <v>76</v>
      </c>
      <c r="Q107" s="187">
        <v>0.676798092709187</v>
      </c>
      <c r="R107" s="93">
        <v>0.10530670611575274</v>
      </c>
      <c r="S107" s="187">
        <v>0.10228580206778258</v>
      </c>
      <c r="T107" s="93">
        <v>7.3227601909637702E-2</v>
      </c>
      <c r="U107" s="187">
        <v>0.22091610522303046</v>
      </c>
      <c r="V107" s="93">
        <v>9.4790886206875383E-2</v>
      </c>
    </row>
    <row r="108" spans="1:22">
      <c r="A108" s="48" t="s">
        <v>356</v>
      </c>
      <c r="B108" s="184">
        <v>67</v>
      </c>
      <c r="C108" s="188">
        <v>0.3384405488483444</v>
      </c>
      <c r="D108" s="96">
        <v>0.11302665959251519</v>
      </c>
      <c r="E108" s="188">
        <v>0.17706766318343473</v>
      </c>
      <c r="F108" s="96">
        <v>9.4088409957192587E-2</v>
      </c>
      <c r="G108" s="188">
        <v>0.48449178796822051</v>
      </c>
      <c r="H108" s="96">
        <v>0.11862732058755865</v>
      </c>
      <c r="I108" s="184">
        <v>66</v>
      </c>
      <c r="J108" s="188">
        <v>0.54340525652850746</v>
      </c>
      <c r="K108" s="96">
        <v>0.11912182190961955</v>
      </c>
      <c r="L108" s="188">
        <v>0.20331457065017777</v>
      </c>
      <c r="M108" s="96">
        <v>9.9067083034408032E-2</v>
      </c>
      <c r="N108" s="188">
        <v>0.25328017282131465</v>
      </c>
      <c r="O108" s="96">
        <v>0.10579959866308344</v>
      </c>
      <c r="P108" s="184">
        <v>66</v>
      </c>
      <c r="Q108" s="188">
        <v>0.55105378298156138</v>
      </c>
      <c r="R108" s="96">
        <v>0.11896767500674088</v>
      </c>
      <c r="S108" s="188">
        <v>9.1193614382292856E-2</v>
      </c>
      <c r="T108" s="96">
        <v>7.6131977552915023E-2</v>
      </c>
      <c r="U108" s="188">
        <v>0.35775260263614556</v>
      </c>
      <c r="V108" s="96">
        <v>0.11514266942409479</v>
      </c>
    </row>
    <row r="109" spans="1:22">
      <c r="A109" s="56" t="s">
        <v>357</v>
      </c>
      <c r="B109" s="182">
        <v>52</v>
      </c>
      <c r="C109" s="187">
        <v>0.21197402766729745</v>
      </c>
      <c r="D109" s="93">
        <v>0.112906111236439</v>
      </c>
      <c r="E109" s="187">
        <v>0.20202115174142177</v>
      </c>
      <c r="F109" s="93">
        <v>0.11130398322118236</v>
      </c>
      <c r="G109" s="187">
        <v>0.58600482059128089</v>
      </c>
      <c r="H109" s="93">
        <v>0.13191504890633651</v>
      </c>
      <c r="I109" s="182">
        <v>53</v>
      </c>
      <c r="J109" s="187">
        <v>0.51786252700021085</v>
      </c>
      <c r="K109" s="93">
        <v>0.13238013858990702</v>
      </c>
      <c r="L109" s="187">
        <v>0.14594982654548236</v>
      </c>
      <c r="M109" s="93">
        <v>9.9692286587463708E-2</v>
      </c>
      <c r="N109" s="187">
        <v>0.33618764645430671</v>
      </c>
      <c r="O109" s="93">
        <v>0.12615768682979586</v>
      </c>
      <c r="P109" s="182">
        <v>52</v>
      </c>
      <c r="Q109" s="187">
        <v>0.52204749878202283</v>
      </c>
      <c r="R109" s="93">
        <v>0.13351855662320589</v>
      </c>
      <c r="S109" s="187">
        <v>0.11047398592589355</v>
      </c>
      <c r="T109" s="93">
        <v>9.2261715099839922E-2</v>
      </c>
      <c r="U109" s="187">
        <v>0.36747851529208392</v>
      </c>
      <c r="V109" s="93">
        <v>0.12952035236265688</v>
      </c>
    </row>
    <row r="110" spans="1:22">
      <c r="A110" s="48" t="s">
        <v>358</v>
      </c>
      <c r="B110" s="184">
        <v>98</v>
      </c>
      <c r="C110" s="188">
        <v>0.20677006607071291</v>
      </c>
      <c r="D110" s="96">
        <v>8.1800283075962321E-2</v>
      </c>
      <c r="E110" s="188">
        <v>0.16122152464726838</v>
      </c>
      <c r="F110" s="96">
        <v>7.5161076099554774E-2</v>
      </c>
      <c r="G110" s="188">
        <v>0.6320084092820184</v>
      </c>
      <c r="H110" s="96">
        <v>9.5776239015589112E-2</v>
      </c>
      <c r="I110" s="184">
        <v>98</v>
      </c>
      <c r="J110" s="188">
        <v>0.54174024902832452</v>
      </c>
      <c r="K110" s="96">
        <v>9.8695753368702746E-2</v>
      </c>
      <c r="L110" s="188">
        <v>0.1171350831443851</v>
      </c>
      <c r="M110" s="96">
        <v>6.7063309678390512E-2</v>
      </c>
      <c r="N110" s="188">
        <v>0.34112466782729006</v>
      </c>
      <c r="O110" s="96">
        <v>9.4287737805951941E-2</v>
      </c>
      <c r="P110" s="184">
        <v>97</v>
      </c>
      <c r="Q110" s="188">
        <v>0.7646650469680949</v>
      </c>
      <c r="R110" s="96">
        <v>8.5686712082910121E-2</v>
      </c>
      <c r="S110" s="188">
        <v>3.6818483937396625E-2</v>
      </c>
      <c r="T110" s="96">
        <v>4.5432760157992642E-2</v>
      </c>
      <c r="U110" s="188">
        <v>0.19851646909450824</v>
      </c>
      <c r="V110" s="96">
        <v>8.1121961724272398E-2</v>
      </c>
    </row>
    <row r="111" spans="1:22">
      <c r="A111" s="56" t="s">
        <v>359</v>
      </c>
      <c r="B111" s="182">
        <v>114</v>
      </c>
      <c r="C111" s="187">
        <v>0.30707731160842711</v>
      </c>
      <c r="D111" s="93">
        <v>8.5422459849248789E-2</v>
      </c>
      <c r="E111" s="187">
        <v>0.21368483044882944</v>
      </c>
      <c r="F111" s="93">
        <v>7.6687157889326479E-2</v>
      </c>
      <c r="G111" s="187">
        <v>0.47923785794274237</v>
      </c>
      <c r="H111" s="93">
        <v>9.1983355710879261E-2</v>
      </c>
      <c r="I111" s="182">
        <v>112</v>
      </c>
      <c r="J111" s="187">
        <v>0.57348112114471705</v>
      </c>
      <c r="K111" s="93">
        <v>9.1908215483873498E-2</v>
      </c>
      <c r="L111" s="187">
        <v>9.1098465383953844E-2</v>
      </c>
      <c r="M111" s="93">
        <v>5.6973009353451357E-2</v>
      </c>
      <c r="N111" s="187">
        <v>0.33542041347132839</v>
      </c>
      <c r="O111" s="93">
        <v>8.8033963399636109E-2</v>
      </c>
      <c r="P111" s="182">
        <v>113</v>
      </c>
      <c r="Q111" s="187">
        <v>0.58241543794593609</v>
      </c>
      <c r="R111" s="93">
        <v>9.1271022665130416E-2</v>
      </c>
      <c r="S111" s="187">
        <v>0.11763779953332376</v>
      </c>
      <c r="T111" s="93">
        <v>6.2326656547611672E-2</v>
      </c>
      <c r="U111" s="187">
        <v>0.29994676252073954</v>
      </c>
      <c r="V111" s="93">
        <v>8.526848966798535E-2</v>
      </c>
    </row>
    <row r="112" spans="1:22">
      <c r="A112" s="48" t="s">
        <v>371</v>
      </c>
      <c r="B112" s="184">
        <v>182</v>
      </c>
      <c r="C112" s="188">
        <v>0.16200618454696056</v>
      </c>
      <c r="D112" s="96">
        <v>5.4991864023814417E-2</v>
      </c>
      <c r="E112" s="188">
        <v>0.18570579927613007</v>
      </c>
      <c r="F112" s="96">
        <v>5.7813588011858458E-2</v>
      </c>
      <c r="G112" s="188">
        <v>0.6522880161769099</v>
      </c>
      <c r="H112" s="96">
        <v>6.9991570048178381E-2</v>
      </c>
      <c r="I112" s="184">
        <v>181</v>
      </c>
      <c r="J112" s="188">
        <v>0.60564495123863082</v>
      </c>
      <c r="K112" s="96">
        <v>7.1933386337665814E-2</v>
      </c>
      <c r="L112" s="188">
        <v>0.12898968062978761</v>
      </c>
      <c r="M112" s="96">
        <v>5.0562108938207444E-2</v>
      </c>
      <c r="N112" s="188">
        <v>0.26536536813158251</v>
      </c>
      <c r="O112" s="96">
        <v>6.5314464335798891E-2</v>
      </c>
      <c r="P112" s="184">
        <v>179</v>
      </c>
      <c r="Q112" s="188">
        <v>0.66087243184176492</v>
      </c>
      <c r="R112" s="96">
        <v>7.0165932840899198E-2</v>
      </c>
      <c r="S112" s="188">
        <v>7.2699205412072809E-2</v>
      </c>
      <c r="T112" s="96">
        <v>4.0572056212566356E-2</v>
      </c>
      <c r="U112" s="188">
        <v>0.26642836274616272</v>
      </c>
      <c r="V112" s="96">
        <v>6.5753833741040602E-2</v>
      </c>
    </row>
    <row r="113" spans="1:28">
      <c r="A113" s="56" t="s">
        <v>360</v>
      </c>
      <c r="B113" s="182">
        <v>102</v>
      </c>
      <c r="C113" s="187">
        <v>0.19408126990700336</v>
      </c>
      <c r="D113" s="93">
        <v>7.8510563869668828E-2</v>
      </c>
      <c r="E113" s="187">
        <v>0.14379050549874503</v>
      </c>
      <c r="F113" s="93">
        <v>7.0713440858612572E-2</v>
      </c>
      <c r="G113" s="187">
        <v>0.66212822459425136</v>
      </c>
      <c r="H113" s="93">
        <v>9.2279482018170378E-2</v>
      </c>
      <c r="I113" s="182">
        <v>102</v>
      </c>
      <c r="J113" s="187">
        <v>0.58617071896640538</v>
      </c>
      <c r="K113" s="93">
        <v>9.5783647810714689E-2</v>
      </c>
      <c r="L113" s="187">
        <v>0.11040108889129822</v>
      </c>
      <c r="M113" s="93">
        <v>6.4267187070443182E-2</v>
      </c>
      <c r="N113" s="187">
        <v>0.30342819214229655</v>
      </c>
      <c r="O113" s="93">
        <v>8.9909968144474273E-2</v>
      </c>
      <c r="P113" s="182">
        <v>101</v>
      </c>
      <c r="Q113" s="187">
        <v>0.62482922902291871</v>
      </c>
      <c r="R113" s="93">
        <v>9.4734169506419927E-2</v>
      </c>
      <c r="S113" s="187">
        <v>7.9381463647534081E-2</v>
      </c>
      <c r="T113" s="93">
        <v>5.7338728795606565E-2</v>
      </c>
      <c r="U113" s="187">
        <v>0.29578930732954734</v>
      </c>
      <c r="V113" s="93">
        <v>8.9743500913616478E-2</v>
      </c>
    </row>
    <row r="114" spans="1:28">
      <c r="A114" s="48" t="s">
        <v>370</v>
      </c>
      <c r="B114" s="184">
        <v>294</v>
      </c>
      <c r="C114" s="188">
        <v>0.25212522156913914</v>
      </c>
      <c r="D114" s="96">
        <v>5.0526950910326336E-2</v>
      </c>
      <c r="E114" s="188">
        <v>0.15017214204630303</v>
      </c>
      <c r="F114" s="96">
        <v>4.1914546647950537E-2</v>
      </c>
      <c r="G114" s="188">
        <v>0.59770263638455734</v>
      </c>
      <c r="H114" s="96">
        <v>5.6841796015360609E-2</v>
      </c>
      <c r="I114" s="184">
        <v>292</v>
      </c>
      <c r="J114" s="188">
        <v>0.58138733047417457</v>
      </c>
      <c r="K114" s="96">
        <v>5.7369583837080337E-2</v>
      </c>
      <c r="L114" s="188">
        <v>0.12053654834535704</v>
      </c>
      <c r="M114" s="96">
        <v>3.8532696391611582E-2</v>
      </c>
      <c r="N114" s="188">
        <v>0.29807612118046767</v>
      </c>
      <c r="O114" s="96">
        <v>5.331209501723707E-2</v>
      </c>
      <c r="P114" s="184">
        <v>288</v>
      </c>
      <c r="Q114" s="188">
        <v>0.67670412231643473</v>
      </c>
      <c r="R114" s="96">
        <v>5.4850388716046541E-2</v>
      </c>
      <c r="S114" s="188">
        <v>6.8574900250002319E-2</v>
      </c>
      <c r="T114" s="96">
        <v>3.0730120594489339E-2</v>
      </c>
      <c r="U114" s="188">
        <v>0.25472097743356242</v>
      </c>
      <c r="V114" s="96">
        <v>5.1214721241165273E-2</v>
      </c>
    </row>
    <row r="115" spans="1:28">
      <c r="A115" s="56" t="s">
        <v>361</v>
      </c>
      <c r="B115" s="182">
        <v>127</v>
      </c>
      <c r="C115" s="187">
        <v>0.2372939466327755</v>
      </c>
      <c r="D115" s="93">
        <v>7.5186446778601618E-2</v>
      </c>
      <c r="E115" s="187">
        <v>0.13552937368715315</v>
      </c>
      <c r="F115" s="93">
        <v>6.1817166057122223E-2</v>
      </c>
      <c r="G115" s="187">
        <v>0.62717667968007096</v>
      </c>
      <c r="H115" s="93">
        <v>8.4672468559412462E-2</v>
      </c>
      <c r="I115" s="182">
        <v>126</v>
      </c>
      <c r="J115" s="187">
        <v>0.57471123930889823</v>
      </c>
      <c r="K115" s="93">
        <v>8.6781146428105874E-2</v>
      </c>
      <c r="L115" s="187">
        <v>0.11370309674109289</v>
      </c>
      <c r="M115" s="93">
        <v>5.8128906981534945E-2</v>
      </c>
      <c r="N115" s="187">
        <v>0.31158566395000831</v>
      </c>
      <c r="O115" s="93">
        <v>8.1646713926485107E-2</v>
      </c>
      <c r="P115" s="182">
        <v>126</v>
      </c>
      <c r="Q115" s="187">
        <v>0.68921735444302012</v>
      </c>
      <c r="R115" s="93">
        <v>8.1593018279874308E-2</v>
      </c>
      <c r="S115" s="187">
        <v>7.0838229324820881E-2</v>
      </c>
      <c r="T115" s="93">
        <v>4.8668405882034846E-2</v>
      </c>
      <c r="U115" s="187">
        <v>0.2399444162321587</v>
      </c>
      <c r="V115" s="93">
        <v>7.574630630336894E-2</v>
      </c>
    </row>
    <row r="116" spans="1:28">
      <c r="A116" s="48" t="s">
        <v>375</v>
      </c>
      <c r="B116" s="184">
        <v>112</v>
      </c>
      <c r="C116" s="188">
        <v>0.30713542153795392</v>
      </c>
      <c r="D116" s="96">
        <v>8.6168303235119967E-2</v>
      </c>
      <c r="E116" s="188">
        <v>0.16033803221006271</v>
      </c>
      <c r="F116" s="96">
        <v>7.0085940972788016E-2</v>
      </c>
      <c r="G116" s="188">
        <v>0.53252654625198304</v>
      </c>
      <c r="H116" s="96">
        <v>9.2664342297174754E-2</v>
      </c>
      <c r="I116" s="184">
        <v>112</v>
      </c>
      <c r="J116" s="188">
        <v>0.61571890586813394</v>
      </c>
      <c r="K116" s="96">
        <v>9.0499899069683448E-2</v>
      </c>
      <c r="L116" s="188">
        <v>0.1254609100007221</v>
      </c>
      <c r="M116" s="96">
        <v>6.4119532645888919E-2</v>
      </c>
      <c r="N116" s="188">
        <v>0.25882018413114366</v>
      </c>
      <c r="O116" s="96">
        <v>8.216356631424955E-2</v>
      </c>
      <c r="P116" s="184">
        <v>108</v>
      </c>
      <c r="Q116" s="188">
        <v>0.61415652839099466</v>
      </c>
      <c r="R116" s="96">
        <v>9.2172683740873215E-2</v>
      </c>
      <c r="S116" s="188">
        <v>7.7124067524619505E-2</v>
      </c>
      <c r="T116" s="96">
        <v>5.4681219210097422E-2</v>
      </c>
      <c r="U116" s="188">
        <v>0.30871940408438553</v>
      </c>
      <c r="V116" s="96">
        <v>8.782663778253906E-2</v>
      </c>
    </row>
    <row r="117" spans="1:28">
      <c r="A117" s="56" t="s">
        <v>358</v>
      </c>
      <c r="B117" s="182">
        <v>98</v>
      </c>
      <c r="C117" s="187">
        <v>0.20677006607071291</v>
      </c>
      <c r="D117" s="93">
        <v>8.1800283075962321E-2</v>
      </c>
      <c r="E117" s="187">
        <v>0.16122152464726838</v>
      </c>
      <c r="F117" s="93">
        <v>7.5161076099554774E-2</v>
      </c>
      <c r="G117" s="187">
        <v>0.6320084092820184</v>
      </c>
      <c r="H117" s="93">
        <v>9.5776239015589112E-2</v>
      </c>
      <c r="I117" s="182">
        <v>98</v>
      </c>
      <c r="J117" s="187">
        <v>0.54174024902832452</v>
      </c>
      <c r="K117" s="93">
        <v>9.8695753368702746E-2</v>
      </c>
      <c r="L117" s="187">
        <v>0.1171350831443851</v>
      </c>
      <c r="M117" s="93">
        <v>6.7063309678390512E-2</v>
      </c>
      <c r="N117" s="187">
        <v>0.34112466782729006</v>
      </c>
      <c r="O117" s="93">
        <v>9.4287737805951941E-2</v>
      </c>
      <c r="P117" s="182">
        <v>97</v>
      </c>
      <c r="Q117" s="187">
        <v>0.7646650469680949</v>
      </c>
      <c r="R117" s="93">
        <v>8.5686712082910121E-2</v>
      </c>
      <c r="S117" s="187">
        <v>3.6818483937396625E-2</v>
      </c>
      <c r="T117" s="93">
        <v>4.5432760157992642E-2</v>
      </c>
      <c r="U117" s="187">
        <v>0.19851646909450824</v>
      </c>
      <c r="V117" s="93">
        <v>8.1121961724272398E-2</v>
      </c>
    </row>
    <row r="119" spans="1:28" ht="18.75">
      <c r="A119" s="293" t="s">
        <v>480</v>
      </c>
      <c r="B119" s="293"/>
      <c r="C119" s="293"/>
      <c r="D119" s="293"/>
      <c r="E119" s="293"/>
      <c r="F119" s="293"/>
      <c r="G119" s="293"/>
      <c r="H119" s="293"/>
      <c r="I119" s="293"/>
      <c r="J119" s="293"/>
      <c r="K119" s="293"/>
      <c r="L119" s="293"/>
      <c r="M119" s="294"/>
      <c r="N119" s="231"/>
      <c r="O119" s="231"/>
      <c r="P119" s="231"/>
      <c r="Q119" s="231"/>
      <c r="R119" s="231"/>
      <c r="S119" s="231"/>
      <c r="T119" s="231"/>
      <c r="U119" s="231"/>
      <c r="V119" s="231"/>
      <c r="W119" s="231"/>
      <c r="X119" s="231"/>
      <c r="Y119" s="231"/>
      <c r="Z119" s="231"/>
      <c r="AA119" s="231"/>
      <c r="AB119" s="249"/>
    </row>
    <row r="120" spans="1:28" ht="49.5" customHeight="1">
      <c r="A120" s="401" t="s">
        <v>604</v>
      </c>
      <c r="B120" s="401"/>
      <c r="C120" s="401"/>
      <c r="D120" s="401"/>
      <c r="E120" s="401"/>
      <c r="F120" s="401"/>
      <c r="G120" s="401"/>
      <c r="H120" s="401"/>
      <c r="I120" s="401"/>
      <c r="J120" s="401"/>
      <c r="K120" s="401"/>
      <c r="L120" s="401"/>
      <c r="M120" s="294"/>
      <c r="N120" s="246"/>
      <c r="O120" s="246"/>
      <c r="P120" s="246"/>
      <c r="Q120" s="246"/>
      <c r="R120" s="246"/>
      <c r="S120" s="246"/>
      <c r="T120" s="246"/>
      <c r="U120" s="246"/>
      <c r="V120" s="246"/>
      <c r="W120" s="246"/>
      <c r="X120" s="246"/>
      <c r="Y120" s="246"/>
      <c r="Z120" s="246"/>
      <c r="AA120" s="246"/>
      <c r="AB120" s="249"/>
    </row>
    <row r="121" spans="1:28" ht="38.25" customHeight="1">
      <c r="A121" s="405" t="s">
        <v>235</v>
      </c>
      <c r="B121" s="406"/>
      <c r="C121" s="406"/>
      <c r="D121" s="406"/>
      <c r="E121" s="406"/>
      <c r="F121" s="406"/>
      <c r="G121" s="406"/>
      <c r="H121" s="406"/>
      <c r="I121" s="406"/>
      <c r="J121" s="406"/>
      <c r="K121" s="406"/>
      <c r="L121" s="406"/>
      <c r="M121" s="244"/>
      <c r="N121" s="249"/>
      <c r="O121" s="249"/>
      <c r="P121" s="249"/>
      <c r="Q121" s="249"/>
      <c r="R121" s="249"/>
      <c r="S121" s="249"/>
      <c r="T121" s="249"/>
      <c r="U121" s="249"/>
      <c r="V121" s="249"/>
      <c r="W121" s="249"/>
      <c r="X121" s="249"/>
      <c r="Y121" s="249"/>
      <c r="Z121" s="249"/>
      <c r="AA121" s="249"/>
      <c r="AB121" s="249"/>
    </row>
    <row r="122" spans="1:28" ht="72">
      <c r="A122" s="36" t="s">
        <v>70</v>
      </c>
      <c r="B122" s="37" t="s">
        <v>71</v>
      </c>
      <c r="C122" s="38" t="s">
        <v>594</v>
      </c>
      <c r="D122" s="39" t="s">
        <v>72</v>
      </c>
      <c r="E122" s="37" t="s">
        <v>486</v>
      </c>
      <c r="F122" s="88" t="s">
        <v>485</v>
      </c>
      <c r="G122" s="37" t="s">
        <v>481</v>
      </c>
      <c r="H122" s="88" t="s">
        <v>484</v>
      </c>
      <c r="I122" s="37" t="s">
        <v>482</v>
      </c>
      <c r="J122" s="88" t="s">
        <v>483</v>
      </c>
      <c r="K122" s="37" t="s">
        <v>301</v>
      </c>
      <c r="L122" s="88" t="s">
        <v>300</v>
      </c>
      <c r="M122" s="244"/>
      <c r="N122" s="248"/>
      <c r="O122" s="244"/>
      <c r="P122" s="248"/>
      <c r="Q122" s="244"/>
    </row>
    <row r="123" spans="1:28" ht="72">
      <c r="A123" s="40"/>
      <c r="B123" s="41" t="s">
        <v>73</v>
      </c>
      <c r="C123" s="127" t="s">
        <v>304</v>
      </c>
      <c r="D123" s="43" t="s">
        <v>75</v>
      </c>
      <c r="E123" s="41" t="s">
        <v>159</v>
      </c>
      <c r="F123" s="90" t="s">
        <v>87</v>
      </c>
      <c r="G123" s="41" t="s">
        <v>160</v>
      </c>
      <c r="H123" s="90" t="s">
        <v>87</v>
      </c>
      <c r="I123" s="41" t="s">
        <v>161</v>
      </c>
      <c r="J123" s="90" t="s">
        <v>87</v>
      </c>
      <c r="K123" s="41" t="s">
        <v>301</v>
      </c>
      <c r="L123" s="90" t="s">
        <v>87</v>
      </c>
    </row>
    <row r="124" spans="1:28">
      <c r="A124" s="44" t="s">
        <v>349</v>
      </c>
      <c r="B124" s="182">
        <v>13842</v>
      </c>
      <c r="C124" s="183">
        <v>5.1036555153933705</v>
      </c>
      <c r="D124" s="84">
        <v>2.5613062985244635E-2</v>
      </c>
      <c r="E124" s="187">
        <v>0.14001098066140449</v>
      </c>
      <c r="F124" s="93">
        <v>5.8997051367260427E-3</v>
      </c>
      <c r="G124" s="187">
        <v>0.15466386656429337</v>
      </c>
      <c r="H124" s="93">
        <v>6.1473986241741526E-3</v>
      </c>
      <c r="I124" s="187">
        <v>0.66939583980021322</v>
      </c>
      <c r="J124" s="93">
        <v>7.9961283884657681E-3</v>
      </c>
      <c r="K124" s="92">
        <v>3.5929312974102921E-2</v>
      </c>
      <c r="L124" s="93">
        <v>3.1690222023489788E-3</v>
      </c>
    </row>
    <row r="125" spans="1:28">
      <c r="A125" s="48" t="s">
        <v>350</v>
      </c>
      <c r="B125" s="184">
        <v>10160</v>
      </c>
      <c r="C125" s="185">
        <v>5.218333162847518</v>
      </c>
      <c r="D125" s="186">
        <v>2.9704039142234386E-2</v>
      </c>
      <c r="E125" s="188">
        <v>0.13618665266714181</v>
      </c>
      <c r="F125" s="96">
        <v>6.8071774798117296E-3</v>
      </c>
      <c r="G125" s="188">
        <v>0.13327815911204455</v>
      </c>
      <c r="H125" s="96">
        <v>6.7455269637586761E-3</v>
      </c>
      <c r="I125" s="188">
        <v>0.70609292582147842</v>
      </c>
      <c r="J125" s="96">
        <v>9.037921998252799E-3</v>
      </c>
      <c r="K125" s="95">
        <v>2.4442262399327314E-2</v>
      </c>
      <c r="L125" s="96">
        <v>3.0747481783533668E-3</v>
      </c>
    </row>
    <row r="126" spans="1:28">
      <c r="A126" s="44" t="s">
        <v>351</v>
      </c>
      <c r="B126" s="182">
        <v>3682</v>
      </c>
      <c r="C126" s="183">
        <v>5.0081588290137242</v>
      </c>
      <c r="D126" s="84">
        <v>5.0009313275332423E-2</v>
      </c>
      <c r="E126" s="187">
        <v>0.14312759363084968</v>
      </c>
      <c r="F126" s="93">
        <v>1.1549433724983587E-2</v>
      </c>
      <c r="G126" s="187">
        <v>0.17209201951208292</v>
      </c>
      <c r="H126" s="93">
        <v>1.2444542034473358E-2</v>
      </c>
      <c r="I126" s="187">
        <v>0.63948977149054964</v>
      </c>
      <c r="J126" s="93">
        <v>1.581858665445654E-2</v>
      </c>
      <c r="K126" s="92">
        <v>4.5290615366517697E-2</v>
      </c>
      <c r="L126" s="93">
        <v>6.8854577150971779E-3</v>
      </c>
    </row>
    <row r="127" spans="1:28">
      <c r="A127" s="48" t="s">
        <v>558</v>
      </c>
      <c r="B127" s="184">
        <v>330</v>
      </c>
      <c r="C127" s="185">
        <v>4.9793865862904925</v>
      </c>
      <c r="D127" s="186">
        <v>0.16896428769418442</v>
      </c>
      <c r="E127" s="188">
        <v>0.15413210087788057</v>
      </c>
      <c r="F127" s="96">
        <v>3.9943597821610687E-2</v>
      </c>
      <c r="G127" s="188">
        <v>0.19596626254969013</v>
      </c>
      <c r="H127" s="96">
        <v>4.3741795048703715E-2</v>
      </c>
      <c r="I127" s="188">
        <v>0.61697881002650456</v>
      </c>
      <c r="J127" s="96">
        <v>5.3235636711893207E-2</v>
      </c>
      <c r="K127" s="95">
        <v>3.2922826545925286E-2</v>
      </c>
      <c r="L127" s="96">
        <v>2.1059664133209196E-2</v>
      </c>
    </row>
    <row r="128" spans="1:28">
      <c r="A128" s="44" t="s">
        <v>559</v>
      </c>
      <c r="B128" s="182">
        <v>3600</v>
      </c>
      <c r="C128" s="183">
        <v>5.1074997357539349</v>
      </c>
      <c r="D128" s="84">
        <v>4.9083053331808311E-2</v>
      </c>
      <c r="E128" s="187">
        <v>0.13696257613491633</v>
      </c>
      <c r="F128" s="93">
        <v>1.1468057352801446E-2</v>
      </c>
      <c r="G128" s="187">
        <v>0.16157936742628515</v>
      </c>
      <c r="H128" s="93">
        <v>1.227349995032365E-2</v>
      </c>
      <c r="I128" s="187">
        <v>0.67364978580664114</v>
      </c>
      <c r="J128" s="93">
        <v>1.5622938037082547E-2</v>
      </c>
      <c r="K128" s="92">
        <v>2.7808270632165052E-2</v>
      </c>
      <c r="L128" s="93">
        <v>5.5276144606612272E-3</v>
      </c>
    </row>
    <row r="129" spans="1:12">
      <c r="A129" s="48" t="s">
        <v>560</v>
      </c>
      <c r="B129" s="184">
        <v>2957</v>
      </c>
      <c r="C129" s="185">
        <v>5.3440707808953816</v>
      </c>
      <c r="D129" s="186">
        <v>5.3062218926271248E-2</v>
      </c>
      <c r="E129" s="188">
        <v>0.10820355101407818</v>
      </c>
      <c r="F129" s="96">
        <v>1.1441819361313804E-2</v>
      </c>
      <c r="G129" s="188">
        <v>0.13475753968409285</v>
      </c>
      <c r="H129" s="96">
        <v>1.2569731260313575E-2</v>
      </c>
      <c r="I129" s="188">
        <v>0.73969116643487864</v>
      </c>
      <c r="J129" s="96">
        <v>1.6134493110304422E-2</v>
      </c>
      <c r="K129" s="95">
        <v>1.7347742866948623E-2</v>
      </c>
      <c r="L129" s="96">
        <v>4.8865223711088996E-3</v>
      </c>
    </row>
    <row r="130" spans="1:12">
      <c r="A130" s="44" t="s">
        <v>368</v>
      </c>
      <c r="B130" s="182">
        <v>159</v>
      </c>
      <c r="C130" s="183">
        <v>5.33313448435523</v>
      </c>
      <c r="D130" s="84">
        <v>0.20924130112194775</v>
      </c>
      <c r="E130" s="187">
        <v>0.1057718829170895</v>
      </c>
      <c r="F130" s="93">
        <v>5.0059686869759951E-2</v>
      </c>
      <c r="G130" s="187">
        <v>0.15731550682975631</v>
      </c>
      <c r="H130" s="93">
        <v>5.8248502076714448E-2</v>
      </c>
      <c r="I130" s="187">
        <v>0.73242209476527553</v>
      </c>
      <c r="J130" s="93">
        <v>6.9811091024547509E-2</v>
      </c>
      <c r="K130" s="92">
        <v>4.4905154878789114E-3</v>
      </c>
      <c r="L130" s="93">
        <v>2.0044751384562447E-2</v>
      </c>
    </row>
    <row r="131" spans="1:12">
      <c r="A131" s="48" t="s">
        <v>150</v>
      </c>
      <c r="B131" s="184">
        <v>271</v>
      </c>
      <c r="C131" s="185">
        <v>5.2749613014020484</v>
      </c>
      <c r="D131" s="186">
        <v>0.1672559406519751</v>
      </c>
      <c r="E131" s="188">
        <v>0.11762148673421978</v>
      </c>
      <c r="F131" s="96">
        <v>3.9636386738947052E-2</v>
      </c>
      <c r="G131" s="188">
        <v>0.10978933347049623</v>
      </c>
      <c r="H131" s="96">
        <v>3.8543091331634541E-2</v>
      </c>
      <c r="I131" s="188">
        <v>0.75822444216581486</v>
      </c>
      <c r="J131" s="96">
        <v>5.1908423952847629E-2</v>
      </c>
      <c r="K131" s="95">
        <v>1.4364737629466653E-2</v>
      </c>
      <c r="L131" s="96">
        <v>1.7464495580639072E-2</v>
      </c>
    </row>
    <row r="132" spans="1:12">
      <c r="A132" s="44" t="s">
        <v>352</v>
      </c>
      <c r="B132" s="182">
        <v>120</v>
      </c>
      <c r="C132" s="183">
        <v>5.2568626606857904</v>
      </c>
      <c r="D132" s="84">
        <v>0.24009604751130442</v>
      </c>
      <c r="E132" s="187">
        <v>8.9537664130504971E-2</v>
      </c>
      <c r="F132" s="93">
        <v>5.4540599938949913E-2</v>
      </c>
      <c r="G132" s="187">
        <v>0.14651243620137808</v>
      </c>
      <c r="H132" s="93">
        <v>6.5495144177029022E-2</v>
      </c>
      <c r="I132" s="187">
        <v>0.76113723143587497</v>
      </c>
      <c r="J132" s="93">
        <v>7.7487962083190073E-2</v>
      </c>
      <c r="K132" s="92">
        <v>2.8126682322418325E-3</v>
      </c>
      <c r="L132" s="93">
        <v>2.4426063693997271E-2</v>
      </c>
    </row>
    <row r="133" spans="1:12">
      <c r="A133" s="48" t="s">
        <v>353</v>
      </c>
      <c r="B133" s="184">
        <v>116</v>
      </c>
      <c r="C133" s="185">
        <v>5.0217918587597046</v>
      </c>
      <c r="D133" s="186">
        <v>0.28168422228457168</v>
      </c>
      <c r="E133" s="188">
        <v>0.18779069625153297</v>
      </c>
      <c r="F133" s="96">
        <v>7.2781718273073157E-2</v>
      </c>
      <c r="G133" s="188">
        <v>0.11114533524579137</v>
      </c>
      <c r="H133" s="96">
        <v>6.0195395971590709E-2</v>
      </c>
      <c r="I133" s="188">
        <v>0.6832541527078998</v>
      </c>
      <c r="J133" s="96">
        <v>8.5365763574635559E-2</v>
      </c>
      <c r="K133" s="95">
        <v>1.7809815794775249E-2</v>
      </c>
      <c r="L133" s="96">
        <v>3.3032699108950569E-2</v>
      </c>
    </row>
    <row r="134" spans="1:12">
      <c r="A134" s="44" t="s">
        <v>369</v>
      </c>
      <c r="B134" s="182">
        <v>425</v>
      </c>
      <c r="C134" s="183">
        <v>5.3456991063882517</v>
      </c>
      <c r="D134" s="84">
        <v>0.13774660955628049</v>
      </c>
      <c r="E134" s="187">
        <v>0.10001068216753917</v>
      </c>
      <c r="F134" s="93">
        <v>2.9443661986520698E-2</v>
      </c>
      <c r="G134" s="187">
        <v>0.13142232136346826</v>
      </c>
      <c r="H134" s="93">
        <v>3.2982584731253851E-2</v>
      </c>
      <c r="I134" s="187">
        <v>0.75382205326043294</v>
      </c>
      <c r="J134" s="93">
        <v>4.1730646420570804E-2</v>
      </c>
      <c r="K134" s="92">
        <v>1.4744943208558701E-2</v>
      </c>
      <c r="L134" s="93">
        <v>1.3274281904011578E-2</v>
      </c>
    </row>
    <row r="135" spans="1:12">
      <c r="A135" s="48" t="s">
        <v>354</v>
      </c>
      <c r="B135" s="184">
        <v>71</v>
      </c>
      <c r="C135" s="185">
        <v>5.3818822146917347</v>
      </c>
      <c r="D135" s="186">
        <v>0.36334739598678761</v>
      </c>
      <c r="E135" s="188">
        <v>0.10027111675241293</v>
      </c>
      <c r="F135" s="96">
        <v>7.5473921228319321E-2</v>
      </c>
      <c r="G135" s="188">
        <v>0.2023108644003499</v>
      </c>
      <c r="H135" s="96">
        <v>9.538183796929299E-2</v>
      </c>
      <c r="I135" s="188">
        <v>0.69410860187988721</v>
      </c>
      <c r="J135" s="96">
        <v>0.10738930545592813</v>
      </c>
      <c r="K135" s="95">
        <v>3.3094169673501977E-3</v>
      </c>
      <c r="L135" s="96">
        <v>3.9267673791993855E-2</v>
      </c>
    </row>
    <row r="136" spans="1:12">
      <c r="A136" s="44" t="s">
        <v>355</v>
      </c>
      <c r="B136" s="182">
        <v>76</v>
      </c>
      <c r="C136" s="183">
        <v>4.9095288372022958</v>
      </c>
      <c r="D136" s="84">
        <v>0.36321732599136453</v>
      </c>
      <c r="E136" s="187">
        <v>0.17298995474303885</v>
      </c>
      <c r="F136" s="93">
        <v>8.7604408663802077E-2</v>
      </c>
      <c r="G136" s="187">
        <v>0.11579063136134182</v>
      </c>
      <c r="H136" s="93">
        <v>7.6411976432978423E-2</v>
      </c>
      <c r="I136" s="187">
        <v>0.68037767097232549</v>
      </c>
      <c r="J136" s="93">
        <v>0.1050324154660541</v>
      </c>
      <c r="K136" s="92">
        <v>3.0841742923293777E-2</v>
      </c>
      <c r="L136" s="93">
        <v>5.0671097856477498E-2</v>
      </c>
    </row>
    <row r="137" spans="1:12">
      <c r="A137" s="48" t="s">
        <v>356</v>
      </c>
      <c r="B137" s="184">
        <v>66</v>
      </c>
      <c r="C137" s="185">
        <v>5.266803434178656</v>
      </c>
      <c r="D137" s="186">
        <v>0.32914928629198847</v>
      </c>
      <c r="E137" s="188">
        <v>0.12444534432308593</v>
      </c>
      <c r="F137" s="96">
        <v>8.4385903774344767E-2</v>
      </c>
      <c r="G137" s="188">
        <v>0.14384259657356857</v>
      </c>
      <c r="H137" s="96">
        <v>8.8554948681244194E-2</v>
      </c>
      <c r="I137" s="188">
        <v>0.73171205910334525</v>
      </c>
      <c r="J137" s="96">
        <v>0.10750953724741946</v>
      </c>
      <c r="K137" s="95">
        <v>0</v>
      </c>
      <c r="L137" s="96">
        <v>3.9824688710695409E-2</v>
      </c>
    </row>
    <row r="138" spans="1:12">
      <c r="A138" s="56" t="s">
        <v>357</v>
      </c>
      <c r="B138" s="182">
        <v>53</v>
      </c>
      <c r="C138" s="183">
        <v>5.966355433249741</v>
      </c>
      <c r="D138" s="84">
        <v>0.29045576086489971</v>
      </c>
      <c r="E138" s="187">
        <v>3.0823287375414118E-2</v>
      </c>
      <c r="F138" s="93">
        <v>6.4717559327791455E-2</v>
      </c>
      <c r="G138" s="187">
        <v>4.9856899307050957E-2</v>
      </c>
      <c r="H138" s="93">
        <v>7.2456862434386857E-2</v>
      </c>
      <c r="I138" s="187">
        <v>0.89478894156738931</v>
      </c>
      <c r="J138" s="93">
        <v>8.993135913011184E-2</v>
      </c>
      <c r="K138" s="92">
        <v>2.453087175014549E-2</v>
      </c>
      <c r="L138" s="93">
        <v>6.1868592560923752E-2</v>
      </c>
    </row>
    <row r="139" spans="1:12">
      <c r="A139" s="48" t="s">
        <v>358</v>
      </c>
      <c r="B139" s="184">
        <v>97</v>
      </c>
      <c r="C139" s="185">
        <v>4.965382713554277</v>
      </c>
      <c r="D139" s="186">
        <v>0.31255662940900536</v>
      </c>
      <c r="E139" s="188">
        <v>0.18948108599672697</v>
      </c>
      <c r="F139" s="96">
        <v>7.9867254842666921E-2</v>
      </c>
      <c r="G139" s="188">
        <v>0.13243466794408237</v>
      </c>
      <c r="H139" s="96">
        <v>7.0468066710544244E-2</v>
      </c>
      <c r="I139" s="188">
        <v>0.63977670779425511</v>
      </c>
      <c r="J139" s="96">
        <v>9.5850410440006084E-2</v>
      </c>
      <c r="K139" s="95">
        <v>3.8307538264935236E-2</v>
      </c>
      <c r="L139" s="96">
        <v>4.5983074728929943E-2</v>
      </c>
    </row>
    <row r="140" spans="1:12">
      <c r="A140" s="56" t="s">
        <v>359</v>
      </c>
      <c r="B140" s="182">
        <v>115</v>
      </c>
      <c r="C140" s="183">
        <v>5.4057672527094791</v>
      </c>
      <c r="D140" s="84">
        <v>0.24981750095576527</v>
      </c>
      <c r="E140" s="187">
        <v>6.6694792665108193E-2</v>
      </c>
      <c r="F140" s="93">
        <v>5.0094545580394979E-2</v>
      </c>
      <c r="G140" s="187">
        <v>0.14357225278353278</v>
      </c>
      <c r="H140" s="93">
        <v>6.6448002334774922E-2</v>
      </c>
      <c r="I140" s="187">
        <v>0.77273129943978358</v>
      </c>
      <c r="J140" s="93">
        <v>7.7899761335226594E-2</v>
      </c>
      <c r="K140" s="92">
        <v>1.7001655111575299E-2</v>
      </c>
      <c r="L140" s="93">
        <v>3.2864479816238204E-2</v>
      </c>
    </row>
    <row r="141" spans="1:12">
      <c r="A141" s="48" t="s">
        <v>371</v>
      </c>
      <c r="B141" s="184">
        <v>179</v>
      </c>
      <c r="C141" s="185">
        <v>5.4648282359649452</v>
      </c>
      <c r="D141" s="186">
        <v>0.18521522053998049</v>
      </c>
      <c r="E141" s="188">
        <v>7.3113301745708903E-2</v>
      </c>
      <c r="F141" s="96">
        <v>4.0663115296267711E-2</v>
      </c>
      <c r="G141" s="188">
        <v>0.10316432757018187</v>
      </c>
      <c r="H141" s="96">
        <v>4.6595695990741051E-2</v>
      </c>
      <c r="I141" s="188">
        <v>0.81484754481909538</v>
      </c>
      <c r="J141" s="96">
        <v>5.8235844210810517E-2</v>
      </c>
      <c r="K141" s="95">
        <v>8.8748258650141968E-3</v>
      </c>
      <c r="L141" s="96">
        <v>2.0499371175576712E-2</v>
      </c>
    </row>
    <row r="142" spans="1:12">
      <c r="A142" s="56" t="s">
        <v>360</v>
      </c>
      <c r="B142" s="182">
        <v>102</v>
      </c>
      <c r="C142" s="183">
        <v>5.6084952012895455</v>
      </c>
      <c r="D142" s="84">
        <v>0.23012205538894723</v>
      </c>
      <c r="E142" s="187">
        <v>6.7399845485959967E-2</v>
      </c>
      <c r="F142" s="93">
        <v>5.3804190015715604E-2</v>
      </c>
      <c r="G142" s="187">
        <v>7.0373988765785628E-2</v>
      </c>
      <c r="H142" s="93">
        <v>5.4630527534028132E-2</v>
      </c>
      <c r="I142" s="187">
        <v>0.85372766359469199</v>
      </c>
      <c r="J142" s="93">
        <v>7.1147423375395091E-2</v>
      </c>
      <c r="K142" s="92">
        <v>8.4985021535623814E-3</v>
      </c>
      <c r="L142" s="93">
        <v>3.1511757049972236E-2</v>
      </c>
    </row>
    <row r="143" spans="1:12">
      <c r="A143" s="48" t="s">
        <v>370</v>
      </c>
      <c r="B143" s="184">
        <v>292</v>
      </c>
      <c r="C143" s="185">
        <v>5.2915424873022285</v>
      </c>
      <c r="D143" s="186">
        <v>0.16369037961746974</v>
      </c>
      <c r="E143" s="188">
        <v>0.12442147570190602</v>
      </c>
      <c r="F143" s="96">
        <v>3.9030034192966259E-2</v>
      </c>
      <c r="G143" s="188">
        <v>0.13008912434301798</v>
      </c>
      <c r="H143" s="96">
        <v>3.9735472245923248E-2</v>
      </c>
      <c r="I143" s="188">
        <v>0.73226206049754783</v>
      </c>
      <c r="J143" s="96">
        <v>5.1661904373977122E-2</v>
      </c>
      <c r="K143" s="95">
        <v>1.3227339457527361E-2</v>
      </c>
      <c r="L143" s="96">
        <v>1.6196886820977155E-2</v>
      </c>
    </row>
    <row r="144" spans="1:12">
      <c r="A144" s="56" t="s">
        <v>361</v>
      </c>
      <c r="B144" s="182">
        <v>127</v>
      </c>
      <c r="C144" s="183">
        <v>5.4336299518440887</v>
      </c>
      <c r="D144" s="84">
        <v>0.23660047591671257</v>
      </c>
      <c r="E144" s="187">
        <v>0.10174832845493403</v>
      </c>
      <c r="F144" s="93">
        <v>5.5515212510129669E-2</v>
      </c>
      <c r="G144" s="187">
        <v>0.1264635562556124</v>
      </c>
      <c r="H144" s="93">
        <v>6.024411391753115E-2</v>
      </c>
      <c r="I144" s="187">
        <v>0.77178811528945312</v>
      </c>
      <c r="J144" s="93">
        <v>7.4254240291720355E-2</v>
      </c>
      <c r="K144" s="92">
        <v>0</v>
      </c>
      <c r="L144" s="93">
        <v>2.1425595681499328E-2</v>
      </c>
    </row>
    <row r="145" spans="1:15">
      <c r="A145" s="48" t="s">
        <v>375</v>
      </c>
      <c r="B145" s="184">
        <v>112</v>
      </c>
      <c r="C145" s="185">
        <v>5.2412738037931224</v>
      </c>
      <c r="D145" s="186">
        <v>0.2586945911697669</v>
      </c>
      <c r="E145" s="188">
        <v>0.12110120054220515</v>
      </c>
      <c r="F145" s="96">
        <v>6.3290784679000664E-2</v>
      </c>
      <c r="G145" s="188">
        <v>0.13555178076972557</v>
      </c>
      <c r="H145" s="96">
        <v>6.5962302246354326E-2</v>
      </c>
      <c r="I145" s="188">
        <v>0.73132576769286839</v>
      </c>
      <c r="J145" s="96">
        <v>8.3069396947654084E-2</v>
      </c>
      <c r="K145" s="95">
        <v>1.2021250995200999E-2</v>
      </c>
      <c r="L145" s="96">
        <v>3.1081589672853748E-2</v>
      </c>
    </row>
    <row r="146" spans="1:15">
      <c r="A146" s="56" t="s">
        <v>358</v>
      </c>
      <c r="B146" s="182">
        <v>97</v>
      </c>
      <c r="C146" s="183">
        <v>4.965382713554277</v>
      </c>
      <c r="D146" s="84">
        <v>0.31255662940900536</v>
      </c>
      <c r="E146" s="187">
        <v>0.18948108599672697</v>
      </c>
      <c r="F146" s="93">
        <v>7.9867254842666921E-2</v>
      </c>
      <c r="G146" s="187">
        <v>0.13243466794408237</v>
      </c>
      <c r="H146" s="93">
        <v>7.0468066710544244E-2</v>
      </c>
      <c r="I146" s="187">
        <v>0.63977670779425511</v>
      </c>
      <c r="J146" s="93">
        <v>9.5850410440006084E-2</v>
      </c>
      <c r="K146" s="92">
        <v>3.8307538264935236E-2</v>
      </c>
      <c r="L146" s="93">
        <v>4.5983074728929943E-2</v>
      </c>
    </row>
    <row r="147" spans="1:15" s="245" customFormat="1">
      <c r="A147" s="238"/>
      <c r="B147" s="247"/>
      <c r="C147" s="248"/>
      <c r="D147" s="244"/>
      <c r="E147" s="248"/>
      <c r="F147" s="244"/>
      <c r="G147" s="248"/>
      <c r="H147" s="244"/>
      <c r="I147"/>
      <c r="J147"/>
      <c r="K147"/>
      <c r="L147"/>
      <c r="M147"/>
      <c r="N147"/>
      <c r="O147"/>
    </row>
    <row r="148" spans="1:15" ht="18.75">
      <c r="A148" s="341" t="s">
        <v>30</v>
      </c>
      <c r="B148" s="341"/>
      <c r="C148" s="341"/>
      <c r="D148" s="341"/>
      <c r="E148" s="341"/>
      <c r="F148" s="341"/>
      <c r="G148" s="341"/>
      <c r="H148" s="341"/>
      <c r="I148" s="341"/>
      <c r="J148" s="341"/>
    </row>
    <row r="149" spans="1:15" ht="48.75" customHeight="1">
      <c r="A149" s="401" t="s">
        <v>605</v>
      </c>
      <c r="B149" s="401"/>
      <c r="C149" s="401"/>
      <c r="D149" s="401"/>
      <c r="E149" s="401"/>
      <c r="F149" s="401"/>
      <c r="G149" s="401"/>
      <c r="H149" s="401"/>
      <c r="I149" s="401"/>
      <c r="J149" s="401"/>
    </row>
    <row r="150" spans="1:15" ht="36" customHeight="1">
      <c r="A150" s="297" t="s">
        <v>220</v>
      </c>
      <c r="B150" s="298"/>
      <c r="C150" s="298"/>
      <c r="D150" s="298"/>
      <c r="E150" s="298"/>
      <c r="F150" s="298"/>
      <c r="G150" s="298"/>
      <c r="H150" s="298"/>
      <c r="I150" s="298"/>
      <c r="J150" s="298"/>
    </row>
    <row r="151" spans="1:15" ht="37.5" customHeight="1">
      <c r="A151" s="109" t="s">
        <v>70</v>
      </c>
      <c r="B151" s="37" t="s">
        <v>71</v>
      </c>
      <c r="C151" s="38" t="s">
        <v>593</v>
      </c>
      <c r="D151" s="39" t="s">
        <v>72</v>
      </c>
      <c r="E151" s="37" t="s">
        <v>219</v>
      </c>
      <c r="F151" s="88" t="s">
        <v>137</v>
      </c>
      <c r="G151" s="37" t="s">
        <v>138</v>
      </c>
      <c r="H151" s="88" t="s">
        <v>139</v>
      </c>
      <c r="I151" s="37" t="s">
        <v>318</v>
      </c>
      <c r="J151" s="88" t="s">
        <v>319</v>
      </c>
    </row>
    <row r="152" spans="1:15" ht="72">
      <c r="A152" s="110"/>
      <c r="B152" s="41" t="s">
        <v>73</v>
      </c>
      <c r="C152" s="127" t="s">
        <v>306</v>
      </c>
      <c r="D152" s="43" t="s">
        <v>75</v>
      </c>
      <c r="E152" s="41" t="s">
        <v>183</v>
      </c>
      <c r="F152" s="90" t="s">
        <v>87</v>
      </c>
      <c r="G152" s="41" t="s">
        <v>184</v>
      </c>
      <c r="H152" s="90" t="s">
        <v>87</v>
      </c>
      <c r="I152" s="41" t="s">
        <v>185</v>
      </c>
      <c r="J152" s="90" t="s">
        <v>87</v>
      </c>
    </row>
    <row r="153" spans="1:15">
      <c r="A153" s="44" t="s">
        <v>349</v>
      </c>
      <c r="B153" s="189">
        <v>13851</v>
      </c>
      <c r="C153" s="183">
        <v>3.0329160970560132</v>
      </c>
      <c r="D153" s="84">
        <v>3.6623511781898717E-2</v>
      </c>
      <c r="E153" s="190">
        <v>0.37105043020143802</v>
      </c>
      <c r="F153" s="93">
        <v>8.2084289746870275E-3</v>
      </c>
      <c r="G153" s="190">
        <v>0.34435669868004803</v>
      </c>
      <c r="H153" s="93">
        <v>8.0738051360290924E-3</v>
      </c>
      <c r="I153" s="190">
        <v>0.28459287111853304</v>
      </c>
      <c r="J153" s="93">
        <v>7.6673261852317435E-3</v>
      </c>
    </row>
    <row r="154" spans="1:15">
      <c r="A154" s="48" t="s">
        <v>350</v>
      </c>
      <c r="B154" s="48">
        <v>10168</v>
      </c>
      <c r="C154" s="185">
        <v>3.2855500810756517</v>
      </c>
      <c r="D154" s="186">
        <v>4.3504768149603079E-2</v>
      </c>
      <c r="E154" s="192">
        <v>0.33692624218903311</v>
      </c>
      <c r="F154" s="96">
        <v>9.3733640094873748E-3</v>
      </c>
      <c r="G154" s="192">
        <v>0.33185389271766746</v>
      </c>
      <c r="H154" s="96">
        <v>9.3380838807650968E-3</v>
      </c>
      <c r="I154" s="192">
        <v>0.3312198650932992</v>
      </c>
      <c r="J154" s="96">
        <v>9.3335884448259264E-3</v>
      </c>
    </row>
    <row r="155" spans="1:15">
      <c r="A155" s="44" t="s">
        <v>351</v>
      </c>
      <c r="B155" s="52">
        <v>3683</v>
      </c>
      <c r="C155" s="183">
        <v>2.8273523170568304</v>
      </c>
      <c r="D155" s="84">
        <v>6.3360027012683451E-2</v>
      </c>
      <c r="E155" s="190">
        <v>0.39881667512865937</v>
      </c>
      <c r="F155" s="93">
        <v>1.6128859226447259E-2</v>
      </c>
      <c r="G155" s="190">
        <v>0.35453000954395897</v>
      </c>
      <c r="H155" s="93">
        <v>1.5758014580535377E-2</v>
      </c>
      <c r="I155" s="190">
        <v>0.24665331532738238</v>
      </c>
      <c r="J155" s="93">
        <v>1.4203551377707875E-2</v>
      </c>
    </row>
    <row r="156" spans="1:15">
      <c r="A156" s="48" t="s">
        <v>558</v>
      </c>
      <c r="B156" s="48">
        <v>335</v>
      </c>
      <c r="C156" s="185">
        <v>2.8004373961670375</v>
      </c>
      <c r="D156" s="186">
        <v>0.20929426208316851</v>
      </c>
      <c r="E156" s="192">
        <v>0.39103673265713901</v>
      </c>
      <c r="F156" s="96">
        <v>5.303814422776703E-2</v>
      </c>
      <c r="G156" s="192">
        <v>0.37544252726885974</v>
      </c>
      <c r="H156" s="96">
        <v>5.2641090241575338E-2</v>
      </c>
      <c r="I156" s="192">
        <v>0.23352074007400173</v>
      </c>
      <c r="J156" s="96">
        <v>4.6169458018755001E-2</v>
      </c>
    </row>
    <row r="157" spans="1:15">
      <c r="A157" s="44" t="s">
        <v>559</v>
      </c>
      <c r="B157" s="52">
        <v>3605</v>
      </c>
      <c r="C157" s="183">
        <v>3.1364045451468416</v>
      </c>
      <c r="D157" s="84">
        <v>7.2437117837828996E-2</v>
      </c>
      <c r="E157" s="190">
        <v>0.34598646989405935</v>
      </c>
      <c r="F157" s="93">
        <v>1.5838348803189638E-2</v>
      </c>
      <c r="G157" s="190">
        <v>0.35042096477691376</v>
      </c>
      <c r="H157" s="93">
        <v>1.5885280073831193E-2</v>
      </c>
      <c r="I157" s="190">
        <v>0.30359256532904499</v>
      </c>
      <c r="J157" s="93">
        <v>1.5310930275207996E-2</v>
      </c>
    </row>
    <row r="158" spans="1:15">
      <c r="A158" s="48" t="s">
        <v>560</v>
      </c>
      <c r="B158" s="48">
        <v>2956</v>
      </c>
      <c r="C158" s="185">
        <v>3.4672749276736425</v>
      </c>
      <c r="D158" s="186">
        <v>8.0847648936166583E-2</v>
      </c>
      <c r="E158" s="192">
        <v>0.30317391631177598</v>
      </c>
      <c r="F158" s="96">
        <v>1.6900508792418223E-2</v>
      </c>
      <c r="G158" s="192">
        <v>0.32696668023593289</v>
      </c>
      <c r="H158" s="96">
        <v>1.7247809728797189E-2</v>
      </c>
      <c r="I158" s="192">
        <v>0.36985940345228641</v>
      </c>
      <c r="J158" s="96">
        <v>1.7748588399452234E-2</v>
      </c>
    </row>
    <row r="159" spans="1:15">
      <c r="A159" s="44" t="s">
        <v>368</v>
      </c>
      <c r="B159" s="52">
        <v>159</v>
      </c>
      <c r="C159" s="183">
        <v>3.1278487522440788</v>
      </c>
      <c r="D159" s="84">
        <v>0.3285491615336098</v>
      </c>
      <c r="E159" s="190">
        <v>0.33818477784052303</v>
      </c>
      <c r="F159" s="93">
        <v>7.4320674459604441E-2</v>
      </c>
      <c r="G159" s="190">
        <v>0.35382621830957539</v>
      </c>
      <c r="H159" s="93">
        <v>7.5073630017366902E-2</v>
      </c>
      <c r="I159" s="190">
        <v>0.30798900384990102</v>
      </c>
      <c r="J159" s="93">
        <v>7.2622911834947623E-2</v>
      </c>
    </row>
    <row r="160" spans="1:15">
      <c r="A160" s="48" t="s">
        <v>150</v>
      </c>
      <c r="B160" s="48">
        <v>270</v>
      </c>
      <c r="C160" s="185">
        <v>4.0173549153175179</v>
      </c>
      <c r="D160" s="186">
        <v>0.26119124290526247</v>
      </c>
      <c r="E160" s="192">
        <v>0.21613427139010663</v>
      </c>
      <c r="F160" s="96">
        <v>5.0073780405561256E-2</v>
      </c>
      <c r="G160" s="192">
        <v>0.29072136044517982</v>
      </c>
      <c r="H160" s="96">
        <v>5.5034412268538148E-2</v>
      </c>
      <c r="I160" s="192">
        <v>0.4931443681647118</v>
      </c>
      <c r="J160" s="96">
        <v>6.0406694962900111E-2</v>
      </c>
    </row>
    <row r="161" spans="1:10">
      <c r="A161" s="44" t="s">
        <v>352</v>
      </c>
      <c r="B161" s="52">
        <v>120</v>
      </c>
      <c r="C161" s="183">
        <v>4.1430626463389295</v>
      </c>
      <c r="D161" s="84">
        <v>0.39171394791794695</v>
      </c>
      <c r="E161" s="190">
        <v>0.18081063075181825</v>
      </c>
      <c r="F161" s="93">
        <v>7.0615988517811784E-2</v>
      </c>
      <c r="G161" s="190">
        <v>0.33509687600322002</v>
      </c>
      <c r="H161" s="93">
        <v>8.5105826491172376E-2</v>
      </c>
      <c r="I161" s="190">
        <v>0.4840924932449604</v>
      </c>
      <c r="J161" s="93">
        <v>8.9760076914360595E-2</v>
      </c>
    </row>
    <row r="162" spans="1:10">
      <c r="A162" s="48" t="s">
        <v>353</v>
      </c>
      <c r="B162" s="48">
        <v>115</v>
      </c>
      <c r="C162" s="185">
        <v>3.9853690944335765</v>
      </c>
      <c r="D162" s="186">
        <v>0.38994706686130626</v>
      </c>
      <c r="E162" s="192">
        <v>0.19286643642827808</v>
      </c>
      <c r="F162" s="96">
        <v>7.3770931966664954E-2</v>
      </c>
      <c r="G162" s="192">
        <v>0.31835617067995392</v>
      </c>
      <c r="H162" s="96">
        <v>8.5834775102981306E-2</v>
      </c>
      <c r="I162" s="192">
        <v>0.48877739289176647</v>
      </c>
      <c r="J162" s="96">
        <v>9.1648282348037402E-2</v>
      </c>
    </row>
    <row r="163" spans="1:10">
      <c r="A163" s="44" t="s">
        <v>369</v>
      </c>
      <c r="B163" s="189">
        <v>424</v>
      </c>
      <c r="C163" s="183">
        <v>3.5068092665941633</v>
      </c>
      <c r="D163" s="84">
        <v>0.21066656324320635</v>
      </c>
      <c r="E163" s="190">
        <v>0.30174082205431374</v>
      </c>
      <c r="F163" s="93">
        <v>4.4451440465742086E-2</v>
      </c>
      <c r="G163" s="190">
        <v>0.32091973985086608</v>
      </c>
      <c r="H163" s="93">
        <v>4.5191895489015893E-2</v>
      </c>
      <c r="I163" s="190">
        <v>0.3773394380948204</v>
      </c>
      <c r="J163" s="93">
        <v>4.688764646406874E-2</v>
      </c>
    </row>
    <row r="164" spans="1:10">
      <c r="A164" s="48" t="s">
        <v>354</v>
      </c>
      <c r="B164" s="191">
        <v>71</v>
      </c>
      <c r="C164" s="185">
        <v>4.0436851651074743</v>
      </c>
      <c r="D164" s="186">
        <v>0.4877020108006731</v>
      </c>
      <c r="E164" s="192">
        <v>0.22529204281100315</v>
      </c>
      <c r="F164" s="96">
        <v>9.8622627930647619E-2</v>
      </c>
      <c r="G164" s="192">
        <v>0.3147330457427287</v>
      </c>
      <c r="H164" s="96">
        <v>0.10813318539771179</v>
      </c>
      <c r="I164" s="192">
        <v>0.45997491144626884</v>
      </c>
      <c r="J164" s="96">
        <v>0.1151380195040423</v>
      </c>
    </row>
    <row r="165" spans="1:10">
      <c r="A165" s="44" t="s">
        <v>355</v>
      </c>
      <c r="B165" s="53">
        <v>76</v>
      </c>
      <c r="C165" s="183">
        <v>3.8439956573185534</v>
      </c>
      <c r="D165" s="84">
        <v>0.4741150009906438</v>
      </c>
      <c r="E165" s="190">
        <v>0.19415908312583927</v>
      </c>
      <c r="F165" s="93">
        <v>9.0989382222028889E-2</v>
      </c>
      <c r="G165" s="190">
        <v>0.42051351360326228</v>
      </c>
      <c r="H165" s="93">
        <v>0.11052101912723929</v>
      </c>
      <c r="I165" s="190">
        <v>0.38532740327089848</v>
      </c>
      <c r="J165" s="93">
        <v>0.10911743707867293</v>
      </c>
    </row>
    <row r="166" spans="1:10">
      <c r="A166" s="48" t="s">
        <v>356</v>
      </c>
      <c r="B166" s="191">
        <v>65</v>
      </c>
      <c r="C166" s="185">
        <v>3.5901412081605062</v>
      </c>
      <c r="D166" s="186">
        <v>0.55873681496959438</v>
      </c>
      <c r="E166" s="192">
        <v>0.30309935601173543</v>
      </c>
      <c r="F166" s="96">
        <v>0.11179559545121664</v>
      </c>
      <c r="G166" s="192">
        <v>0.28719393647453756</v>
      </c>
      <c r="H166" s="96">
        <v>0.11028605428685981</v>
      </c>
      <c r="I166" s="192">
        <v>0.40970670751372668</v>
      </c>
      <c r="J166" s="96">
        <v>0.11863107683583624</v>
      </c>
    </row>
    <row r="167" spans="1:10">
      <c r="A167" s="56" t="s">
        <v>357</v>
      </c>
      <c r="B167" s="189">
        <v>53</v>
      </c>
      <c r="C167" s="183">
        <v>3.2934374745336923</v>
      </c>
      <c r="D167" s="84">
        <v>0.58458808739092516</v>
      </c>
      <c r="E167" s="190">
        <v>0.32473973289256169</v>
      </c>
      <c r="F167" s="93">
        <v>0.12522081951724692</v>
      </c>
      <c r="G167" s="190">
        <v>0.35666322731388256</v>
      </c>
      <c r="H167" s="93">
        <v>0.12766099870414727</v>
      </c>
      <c r="I167" s="190">
        <v>0.31859703979355586</v>
      </c>
      <c r="J167" s="93">
        <v>0.12468893038554323</v>
      </c>
    </row>
    <row r="168" spans="1:10">
      <c r="A168" s="48" t="s">
        <v>358</v>
      </c>
      <c r="B168" s="191">
        <v>99</v>
      </c>
      <c r="C168" s="185">
        <v>4.0213899012392407</v>
      </c>
      <c r="D168" s="186">
        <v>0.44374306457272344</v>
      </c>
      <c r="E168" s="192">
        <v>0.21916177209964199</v>
      </c>
      <c r="F168" s="96">
        <v>8.2940328374848618E-2</v>
      </c>
      <c r="G168" s="192">
        <v>0.26880962653871249</v>
      </c>
      <c r="H168" s="96">
        <v>8.8267417976067325E-2</v>
      </c>
      <c r="I168" s="192">
        <v>0.51202860136164541</v>
      </c>
      <c r="J168" s="96">
        <v>9.8506582971274376E-2</v>
      </c>
    </row>
    <row r="169" spans="1:10">
      <c r="A169" s="56" t="s">
        <v>359</v>
      </c>
      <c r="B169" s="189">
        <v>115</v>
      </c>
      <c r="C169" s="183">
        <v>3.1970915305443035</v>
      </c>
      <c r="D169" s="84">
        <v>0.398024870536689</v>
      </c>
      <c r="E169" s="190">
        <v>0.35587663591601126</v>
      </c>
      <c r="F169" s="93">
        <v>8.8041509162730375E-2</v>
      </c>
      <c r="G169" s="190">
        <v>0.30488537085073714</v>
      </c>
      <c r="H169" s="93">
        <v>8.4901638927833908E-2</v>
      </c>
      <c r="I169" s="190">
        <v>0.33923799323325077</v>
      </c>
      <c r="J169" s="93">
        <v>8.7132434060796307E-2</v>
      </c>
    </row>
    <row r="170" spans="1:10">
      <c r="A170" s="48" t="s">
        <v>371</v>
      </c>
      <c r="B170" s="191">
        <v>182</v>
      </c>
      <c r="C170" s="185">
        <v>3.8511528932663066</v>
      </c>
      <c r="D170" s="186">
        <v>0.31190427804418502</v>
      </c>
      <c r="E170" s="192">
        <v>0.20899682703072728</v>
      </c>
      <c r="F170" s="96">
        <v>6.0271832625141769E-2</v>
      </c>
      <c r="G170" s="192">
        <v>0.34607195980995087</v>
      </c>
      <c r="H170" s="96">
        <v>6.9917661319818566E-2</v>
      </c>
      <c r="I170" s="192">
        <v>0.44493121315932282</v>
      </c>
      <c r="J170" s="96">
        <v>7.289651810823751E-2</v>
      </c>
    </row>
    <row r="171" spans="1:10">
      <c r="A171" s="56" t="s">
        <v>360</v>
      </c>
      <c r="B171" s="189">
        <v>102</v>
      </c>
      <c r="C171" s="183">
        <v>3.9821515087902197</v>
      </c>
      <c r="D171" s="84">
        <v>0.39567519757518665</v>
      </c>
      <c r="E171" s="190">
        <v>0.15656945813010228</v>
      </c>
      <c r="F171" s="93">
        <v>7.2888901000272635E-2</v>
      </c>
      <c r="G171" s="190">
        <v>0.3503393109352364</v>
      </c>
      <c r="H171" s="93">
        <v>9.3012521464003628E-2</v>
      </c>
      <c r="I171" s="190">
        <v>0.49309123093466112</v>
      </c>
      <c r="J171" s="93">
        <v>9.7120000327860584E-2</v>
      </c>
    </row>
    <row r="172" spans="1:10">
      <c r="A172" s="48" t="s">
        <v>370</v>
      </c>
      <c r="B172" s="191">
        <v>294</v>
      </c>
      <c r="C172" s="185">
        <v>3.7644253017365621</v>
      </c>
      <c r="D172" s="186">
        <v>0.25569256520853317</v>
      </c>
      <c r="E172" s="192">
        <v>0.24530232680143033</v>
      </c>
      <c r="F172" s="96">
        <v>5.008166594306087E-2</v>
      </c>
      <c r="G172" s="192">
        <v>0.31924644733645957</v>
      </c>
      <c r="H172" s="96">
        <v>5.4118855427688593E-2</v>
      </c>
      <c r="I172" s="192">
        <v>0.43545122586210944</v>
      </c>
      <c r="J172" s="96">
        <v>5.7456672745133892E-2</v>
      </c>
    </row>
    <row r="173" spans="1:10">
      <c r="A173" s="56" t="s">
        <v>361</v>
      </c>
      <c r="B173" s="189">
        <v>127</v>
      </c>
      <c r="C173" s="183">
        <v>3.8813782957469574</v>
      </c>
      <c r="D173" s="84">
        <v>0.38928008375885431</v>
      </c>
      <c r="E173" s="190">
        <v>0.22927667983915007</v>
      </c>
      <c r="F173" s="93">
        <v>7.4365785563589734E-2</v>
      </c>
      <c r="G173" s="190">
        <v>0.30869087071932255</v>
      </c>
      <c r="H173" s="93">
        <v>8.1137289840562385E-2</v>
      </c>
      <c r="I173" s="190">
        <v>0.46203244944152694</v>
      </c>
      <c r="J173" s="93">
        <v>8.7133337107066791E-2</v>
      </c>
    </row>
    <row r="174" spans="1:10">
      <c r="A174" s="48" t="s">
        <v>375</v>
      </c>
      <c r="B174" s="191">
        <v>112</v>
      </c>
      <c r="C174" s="185">
        <v>3.4721025454491579</v>
      </c>
      <c r="D174" s="186">
        <v>0.41085818502032817</v>
      </c>
      <c r="E174" s="192">
        <v>0.29492119200410849</v>
      </c>
      <c r="F174" s="96">
        <v>8.5256848944105151E-2</v>
      </c>
      <c r="G174" s="192">
        <v>0.33429998508863618</v>
      </c>
      <c r="H174" s="96">
        <v>8.7966374648685383E-2</v>
      </c>
      <c r="I174" s="192">
        <v>0.37077882290725511</v>
      </c>
      <c r="J174" s="96">
        <v>8.9910611988320482E-2</v>
      </c>
    </row>
    <row r="175" spans="1:10">
      <c r="A175" s="56" t="s">
        <v>358</v>
      </c>
      <c r="B175" s="189">
        <v>99</v>
      </c>
      <c r="C175" s="183">
        <v>4.0213899012392407</v>
      </c>
      <c r="D175" s="84">
        <v>0.44374306457272344</v>
      </c>
      <c r="E175" s="190">
        <v>0.21916177209964199</v>
      </c>
      <c r="F175" s="93">
        <v>8.2940328374848618E-2</v>
      </c>
      <c r="G175" s="190">
        <v>0.26880962653871249</v>
      </c>
      <c r="H175" s="93">
        <v>8.8267417976067325E-2</v>
      </c>
      <c r="I175" s="190">
        <v>0.51202860136164541</v>
      </c>
      <c r="J175" s="93">
        <v>9.8506582971274376E-2</v>
      </c>
    </row>
    <row r="177" spans="1:4" ht="18.75">
      <c r="A177" s="340" t="s">
        <v>13</v>
      </c>
      <c r="B177" s="340"/>
      <c r="C177" s="340"/>
      <c r="D177" s="340"/>
    </row>
    <row r="178" spans="1:4" ht="92.25" customHeight="1">
      <c r="A178" s="394" t="s">
        <v>416</v>
      </c>
      <c r="B178" s="394"/>
      <c r="C178" s="394"/>
      <c r="D178" s="394"/>
    </row>
    <row r="179" spans="1:4" ht="47.25" customHeight="1">
      <c r="A179" s="404" t="s">
        <v>14</v>
      </c>
      <c r="B179" s="346"/>
      <c r="C179" s="346"/>
      <c r="D179" s="346"/>
    </row>
    <row r="180" spans="1:4" ht="72">
      <c r="A180" s="36" t="s">
        <v>70</v>
      </c>
      <c r="B180" s="37" t="s">
        <v>71</v>
      </c>
      <c r="C180" s="38" t="s">
        <v>594</v>
      </c>
      <c r="D180" s="39" t="s">
        <v>72</v>
      </c>
    </row>
    <row r="181" spans="1:4" ht="72">
      <c r="A181" s="40"/>
      <c r="B181" s="41" t="s">
        <v>73</v>
      </c>
      <c r="C181" s="127" t="s">
        <v>417</v>
      </c>
      <c r="D181" s="43" t="s">
        <v>75</v>
      </c>
    </row>
    <row r="182" spans="1:4">
      <c r="A182" s="44" t="s">
        <v>349</v>
      </c>
      <c r="B182" s="165">
        <v>13827</v>
      </c>
      <c r="C182" s="166">
        <v>5.0982380875424731</v>
      </c>
      <c r="D182" s="85">
        <v>2.4190472874140591E-2</v>
      </c>
    </row>
    <row r="183" spans="1:4">
      <c r="A183" s="48" t="s">
        <v>350</v>
      </c>
      <c r="B183" s="48">
        <v>10151</v>
      </c>
      <c r="C183" s="168">
        <v>5.3220089317492016</v>
      </c>
      <c r="D183" s="86">
        <v>2.8117786814764043E-2</v>
      </c>
    </row>
    <row r="184" spans="1:4">
      <c r="A184" s="44" t="s">
        <v>351</v>
      </c>
      <c r="B184" s="52">
        <v>3676</v>
      </c>
      <c r="C184" s="166">
        <v>4.9158790423429561</v>
      </c>
      <c r="D184" s="85">
        <v>4.4776993159336351E-2</v>
      </c>
    </row>
    <row r="185" spans="1:4">
      <c r="A185" s="48" t="s">
        <v>558</v>
      </c>
      <c r="B185" s="48">
        <v>332</v>
      </c>
      <c r="C185" s="168">
        <v>4.9592436642006508</v>
      </c>
      <c r="D185" s="86">
        <v>0.15163732435301883</v>
      </c>
    </row>
    <row r="186" spans="1:4">
      <c r="A186" s="44" t="s">
        <v>559</v>
      </c>
      <c r="B186" s="52">
        <v>3606</v>
      </c>
      <c r="C186" s="166">
        <v>5.1317878108486212</v>
      </c>
      <c r="D186" s="85">
        <v>4.6906219325079865E-2</v>
      </c>
    </row>
    <row r="187" spans="1:4">
      <c r="A187" s="48" t="s">
        <v>560</v>
      </c>
      <c r="B187" s="48">
        <v>2959</v>
      </c>
      <c r="C187" s="168">
        <v>5.4298446586418807</v>
      </c>
      <c r="D187" s="86">
        <v>5.1371625340174476E-2</v>
      </c>
    </row>
    <row r="188" spans="1:4">
      <c r="A188" s="44" t="s">
        <v>368</v>
      </c>
      <c r="B188" s="52">
        <v>156</v>
      </c>
      <c r="C188" s="166">
        <v>5.2935629197869485</v>
      </c>
      <c r="D188" s="85">
        <v>0.21589201255123425</v>
      </c>
    </row>
    <row r="189" spans="1:4">
      <c r="A189" s="48" t="s">
        <v>150</v>
      </c>
      <c r="B189" s="48">
        <v>272</v>
      </c>
      <c r="C189" s="168">
        <v>5.7251181876768795</v>
      </c>
      <c r="D189" s="86">
        <v>0.16305181052400944</v>
      </c>
    </row>
    <row r="190" spans="1:4">
      <c r="A190" s="44" t="s">
        <v>352</v>
      </c>
      <c r="B190" s="52">
        <v>121</v>
      </c>
      <c r="C190" s="166">
        <v>5.770019407358836</v>
      </c>
      <c r="D190" s="85">
        <v>0.23572888026675148</v>
      </c>
    </row>
    <row r="191" spans="1:4">
      <c r="A191" s="48" t="s">
        <v>353</v>
      </c>
      <c r="B191" s="48">
        <v>116</v>
      </c>
      <c r="C191" s="168">
        <v>5.5639439259210111</v>
      </c>
      <c r="D191" s="86">
        <v>0.27173235001851703</v>
      </c>
    </row>
    <row r="192" spans="1:4">
      <c r="A192" s="44" t="s">
        <v>369</v>
      </c>
      <c r="B192" s="165">
        <v>425</v>
      </c>
      <c r="C192" s="166">
        <v>5.5370583124911361</v>
      </c>
      <c r="D192" s="85">
        <v>0.13348138110482582</v>
      </c>
    </row>
    <row r="193" spans="1:34">
      <c r="A193" s="48" t="s">
        <v>354</v>
      </c>
      <c r="B193" s="167">
        <v>70</v>
      </c>
      <c r="C193" s="168">
        <v>5.5883099507160461</v>
      </c>
      <c r="D193" s="86">
        <v>0.32873931838539783</v>
      </c>
    </row>
    <row r="194" spans="1:34">
      <c r="A194" s="44" t="s">
        <v>355</v>
      </c>
      <c r="B194" s="82">
        <v>76</v>
      </c>
      <c r="C194" s="166">
        <v>5.3879549904222124</v>
      </c>
      <c r="D194" s="85">
        <v>0.3664257117009494</v>
      </c>
    </row>
    <row r="195" spans="1:34">
      <c r="A195" s="48" t="s">
        <v>356</v>
      </c>
      <c r="B195" s="167">
        <v>67</v>
      </c>
      <c r="C195" s="168">
        <v>5.6246417839256608</v>
      </c>
      <c r="D195" s="86">
        <v>0.30034252974570019</v>
      </c>
    </row>
    <row r="196" spans="1:34">
      <c r="A196" s="56" t="s">
        <v>357</v>
      </c>
      <c r="B196" s="165">
        <v>54</v>
      </c>
      <c r="C196" s="166">
        <v>5.8687629219093882</v>
      </c>
      <c r="D196" s="85">
        <v>0.32437584831456823</v>
      </c>
    </row>
    <row r="197" spans="1:34">
      <c r="A197" s="48" t="s">
        <v>358</v>
      </c>
      <c r="B197" s="167">
        <v>97</v>
      </c>
      <c r="C197" s="168">
        <v>5.432150812286161</v>
      </c>
      <c r="D197" s="86">
        <v>0.31049855260988407</v>
      </c>
    </row>
    <row r="198" spans="1:34">
      <c r="A198" s="56" t="s">
        <v>359</v>
      </c>
      <c r="B198" s="165">
        <v>115</v>
      </c>
      <c r="C198" s="166">
        <v>5.4076512282000708</v>
      </c>
      <c r="D198" s="85">
        <v>0.24648632638789916</v>
      </c>
    </row>
    <row r="199" spans="1:34">
      <c r="A199" s="48" t="s">
        <v>371</v>
      </c>
      <c r="B199" s="167">
        <v>183</v>
      </c>
      <c r="C199" s="168">
        <v>5.7623276604785341</v>
      </c>
      <c r="D199" s="86">
        <v>0.17713702037861587</v>
      </c>
    </row>
    <row r="200" spans="1:34">
      <c r="A200" s="56" t="s">
        <v>360</v>
      </c>
      <c r="B200" s="165">
        <v>103</v>
      </c>
      <c r="C200" s="166">
        <v>5.836108708112647</v>
      </c>
      <c r="D200" s="85">
        <v>0.23785993185464196</v>
      </c>
    </row>
    <row r="201" spans="1:34">
      <c r="A201" s="48" t="s">
        <v>370</v>
      </c>
      <c r="B201" s="167">
        <v>292</v>
      </c>
      <c r="C201" s="168">
        <v>5.4609721409836602</v>
      </c>
      <c r="D201" s="86">
        <v>0.16591418254839158</v>
      </c>
    </row>
    <row r="202" spans="1:34">
      <c r="A202" s="56" t="s">
        <v>361</v>
      </c>
      <c r="B202" s="165">
        <v>126</v>
      </c>
      <c r="C202" s="166">
        <v>5.3284194409967407</v>
      </c>
      <c r="D202" s="85">
        <v>0.2714772027352173</v>
      </c>
    </row>
    <row r="203" spans="1:34">
      <c r="A203" s="48" t="s">
        <v>375</v>
      </c>
      <c r="B203" s="167">
        <v>112</v>
      </c>
      <c r="C203" s="168">
        <v>5.594987363474174</v>
      </c>
      <c r="D203" s="86">
        <v>0.23445460693429071</v>
      </c>
    </row>
    <row r="204" spans="1:34">
      <c r="A204" s="56" t="s">
        <v>358</v>
      </c>
      <c r="B204" s="165">
        <v>97</v>
      </c>
      <c r="C204" s="166">
        <v>5.432150812286161</v>
      </c>
      <c r="D204" s="85">
        <v>0.31049855260988407</v>
      </c>
    </row>
    <row r="206" spans="1:34" ht="18.75">
      <c r="A206" s="340" t="s">
        <v>418</v>
      </c>
      <c r="B206" s="340"/>
      <c r="C206" s="340"/>
      <c r="D206" s="340"/>
      <c r="E206" s="340"/>
      <c r="F206" s="340"/>
      <c r="G206" s="340"/>
      <c r="H206" s="340"/>
      <c r="I206" s="340"/>
      <c r="J206" s="340"/>
      <c r="K206" s="340"/>
      <c r="L206" s="340"/>
      <c r="M206" s="340"/>
      <c r="N206" s="340"/>
      <c r="O206" s="340"/>
      <c r="P206" s="340"/>
      <c r="Q206" s="340"/>
      <c r="R206" s="340"/>
      <c r="S206" s="340"/>
      <c r="T206" s="340"/>
      <c r="U206" s="340"/>
      <c r="V206" s="340"/>
      <c r="W206" s="340"/>
      <c r="X206" s="340"/>
      <c r="Y206" s="340"/>
      <c r="Z206" s="340"/>
      <c r="AA206" s="340"/>
      <c r="AB206" s="340"/>
      <c r="AC206" s="340"/>
      <c r="AD206" s="340"/>
      <c r="AE206" s="340"/>
      <c r="AF206" s="340"/>
      <c r="AG206" s="340"/>
      <c r="AH206" s="340"/>
    </row>
    <row r="207" spans="1:34" ht="58.5" customHeight="1">
      <c r="A207" s="394" t="s">
        <v>597</v>
      </c>
      <c r="B207" s="394"/>
      <c r="C207" s="394"/>
      <c r="D207" s="394"/>
      <c r="E207" s="394"/>
      <c r="F207" s="394"/>
      <c r="G207" s="394"/>
      <c r="H207" s="394"/>
      <c r="I207" s="394"/>
      <c r="J207" s="394"/>
      <c r="K207" s="394"/>
      <c r="L207" s="394"/>
      <c r="M207" s="394"/>
      <c r="N207" s="394"/>
      <c r="O207" s="394"/>
      <c r="P207" s="394"/>
      <c r="Q207" s="394"/>
      <c r="R207" s="394"/>
      <c r="S207" s="394"/>
      <c r="T207" s="394"/>
      <c r="U207" s="394"/>
      <c r="V207" s="394"/>
      <c r="W207" s="394"/>
      <c r="X207" s="394"/>
      <c r="Y207" s="394"/>
      <c r="Z207" s="394"/>
      <c r="AA207" s="394"/>
      <c r="AB207" s="394"/>
      <c r="AC207" s="394"/>
      <c r="AD207" s="394"/>
      <c r="AE207" s="394"/>
      <c r="AF207" s="394"/>
      <c r="AG207" s="394"/>
      <c r="AH207" s="394"/>
    </row>
    <row r="208" spans="1:34" ht="36" customHeight="1">
      <c r="A208" s="301"/>
      <c r="B208" s="389" t="s">
        <v>140</v>
      </c>
      <c r="C208" s="390"/>
      <c r="D208" s="390"/>
      <c r="E208" s="390"/>
      <c r="F208" s="390"/>
      <c r="G208" s="390"/>
      <c r="H208" s="390"/>
      <c r="I208" s="390"/>
      <c r="J208" s="390"/>
      <c r="K208" s="390"/>
      <c r="L208" s="390"/>
      <c r="M208" s="389" t="s">
        <v>419</v>
      </c>
      <c r="N208" s="390"/>
      <c r="O208" s="390"/>
      <c r="P208" s="390"/>
      <c r="Q208" s="390"/>
      <c r="R208" s="390"/>
      <c r="S208" s="390"/>
      <c r="T208" s="390"/>
      <c r="U208" s="390"/>
      <c r="V208" s="390"/>
      <c r="W208" s="390"/>
      <c r="X208" s="389" t="s">
        <v>420</v>
      </c>
      <c r="Y208" s="390"/>
      <c r="Z208" s="390"/>
      <c r="AA208" s="390"/>
      <c r="AB208" s="390"/>
      <c r="AC208" s="390"/>
      <c r="AD208" s="390"/>
      <c r="AE208" s="390"/>
      <c r="AF208" s="390"/>
      <c r="AG208" s="390"/>
      <c r="AH208" s="390"/>
    </row>
    <row r="209" spans="1:34" ht="39.75" customHeight="1">
      <c r="A209" s="36" t="s">
        <v>70</v>
      </c>
      <c r="B209" s="37" t="s">
        <v>71</v>
      </c>
      <c r="C209" s="38" t="s">
        <v>594</v>
      </c>
      <c r="D209" s="39" t="s">
        <v>72</v>
      </c>
      <c r="E209" s="37" t="s">
        <v>156</v>
      </c>
      <c r="F209" s="88" t="s">
        <v>84</v>
      </c>
      <c r="G209" s="37" t="s">
        <v>157</v>
      </c>
      <c r="H209" s="88" t="s">
        <v>85</v>
      </c>
      <c r="I209" s="37" t="s">
        <v>158</v>
      </c>
      <c r="J209" s="88" t="s">
        <v>86</v>
      </c>
      <c r="K209" s="37" t="s">
        <v>301</v>
      </c>
      <c r="L209" s="88" t="s">
        <v>300</v>
      </c>
      <c r="M209" s="64" t="s">
        <v>71</v>
      </c>
      <c r="N209" s="65" t="s">
        <v>594</v>
      </c>
      <c r="O209" s="66" t="s">
        <v>72</v>
      </c>
      <c r="P209" s="64" t="s">
        <v>156</v>
      </c>
      <c r="Q209" s="87" t="s">
        <v>84</v>
      </c>
      <c r="R209" s="64" t="s">
        <v>157</v>
      </c>
      <c r="S209" s="87" t="s">
        <v>85</v>
      </c>
      <c r="T209" s="64" t="s">
        <v>158</v>
      </c>
      <c r="U209" s="87" t="s">
        <v>86</v>
      </c>
      <c r="V209" s="64" t="s">
        <v>301</v>
      </c>
      <c r="W209" s="87" t="s">
        <v>300</v>
      </c>
      <c r="X209" s="37" t="s">
        <v>71</v>
      </c>
      <c r="Y209" s="38" t="s">
        <v>594</v>
      </c>
      <c r="Z209" s="39" t="s">
        <v>72</v>
      </c>
      <c r="AA209" s="37" t="s">
        <v>158</v>
      </c>
      <c r="AB209" s="88" t="s">
        <v>86</v>
      </c>
      <c r="AC209" s="37" t="s">
        <v>157</v>
      </c>
      <c r="AD209" s="88" t="s">
        <v>85</v>
      </c>
      <c r="AE209" s="37" t="s">
        <v>156</v>
      </c>
      <c r="AF209" s="88" t="s">
        <v>576</v>
      </c>
      <c r="AG209" s="37" t="s">
        <v>301</v>
      </c>
      <c r="AH209" s="88" t="s">
        <v>300</v>
      </c>
    </row>
    <row r="210" spans="1:34" ht="73.5" customHeight="1">
      <c r="A210" s="40"/>
      <c r="B210" s="41" t="s">
        <v>73</v>
      </c>
      <c r="C210" s="127" t="s">
        <v>305</v>
      </c>
      <c r="D210" s="43" t="s">
        <v>75</v>
      </c>
      <c r="E210" s="41" t="s">
        <v>159</v>
      </c>
      <c r="F210" s="90" t="s">
        <v>141</v>
      </c>
      <c r="G210" s="41" t="s">
        <v>160</v>
      </c>
      <c r="H210" s="90" t="s">
        <v>87</v>
      </c>
      <c r="I210" s="41" t="s">
        <v>161</v>
      </c>
      <c r="J210" s="90" t="s">
        <v>87</v>
      </c>
      <c r="K210" s="41" t="s">
        <v>301</v>
      </c>
      <c r="L210" s="90" t="s">
        <v>87</v>
      </c>
      <c r="M210" s="67" t="s">
        <v>73</v>
      </c>
      <c r="N210" s="261" t="s">
        <v>305</v>
      </c>
      <c r="O210" s="69" t="s">
        <v>75</v>
      </c>
      <c r="P210" s="67" t="s">
        <v>159</v>
      </c>
      <c r="Q210" s="89" t="s">
        <v>141</v>
      </c>
      <c r="R210" s="67" t="s">
        <v>160</v>
      </c>
      <c r="S210" s="89" t="s">
        <v>87</v>
      </c>
      <c r="T210" s="67" t="s">
        <v>161</v>
      </c>
      <c r="U210" s="89" t="s">
        <v>87</v>
      </c>
      <c r="V210" s="67" t="s">
        <v>301</v>
      </c>
      <c r="W210" s="89" t="s">
        <v>87</v>
      </c>
      <c r="X210" s="41" t="s">
        <v>73</v>
      </c>
      <c r="Y210" s="127" t="s">
        <v>579</v>
      </c>
      <c r="Z210" s="43" t="s">
        <v>75</v>
      </c>
      <c r="AA210" s="41" t="s">
        <v>161</v>
      </c>
      <c r="AB210" s="90" t="s">
        <v>87</v>
      </c>
      <c r="AC210" s="41" t="s">
        <v>160</v>
      </c>
      <c r="AD210" s="90" t="s">
        <v>87</v>
      </c>
      <c r="AE210" s="41" t="s">
        <v>159</v>
      </c>
      <c r="AF210" s="90" t="s">
        <v>87</v>
      </c>
      <c r="AG210" s="41" t="s">
        <v>301</v>
      </c>
      <c r="AH210" s="90" t="s">
        <v>87</v>
      </c>
    </row>
    <row r="211" spans="1:34">
      <c r="A211" s="44" t="s">
        <v>349</v>
      </c>
      <c r="B211" s="193">
        <v>13943</v>
      </c>
      <c r="C211" s="183">
        <v>5.2674529049140011</v>
      </c>
      <c r="D211" s="84">
        <v>2.5396140619569116E-2</v>
      </c>
      <c r="E211" s="190">
        <v>0.13037988512584719</v>
      </c>
      <c r="F211" s="93">
        <v>5.704396323305696E-3</v>
      </c>
      <c r="G211" s="190">
        <v>0.14594893252937521</v>
      </c>
      <c r="H211" s="93">
        <v>5.9807711118543905E-3</v>
      </c>
      <c r="I211" s="190">
        <v>0.70924715130903837</v>
      </c>
      <c r="J211" s="93">
        <v>7.6908939904346855E-3</v>
      </c>
      <c r="K211" s="190">
        <v>1.4424031035749629E-2</v>
      </c>
      <c r="L211" s="93">
        <v>2.0287744870067449E-3</v>
      </c>
      <c r="M211" s="193">
        <v>13859</v>
      </c>
      <c r="N211" s="183">
        <v>4.9898617291731453</v>
      </c>
      <c r="O211" s="84">
        <v>2.7329001428974493E-2</v>
      </c>
      <c r="P211" s="190">
        <v>0.17905338823202274</v>
      </c>
      <c r="Q211" s="93">
        <v>6.5138521239697291E-3</v>
      </c>
      <c r="R211" s="190">
        <v>0.16401517979330132</v>
      </c>
      <c r="S211" s="93">
        <v>6.2913772908889821E-3</v>
      </c>
      <c r="T211" s="190">
        <v>0.64197233469599102</v>
      </c>
      <c r="U211" s="93">
        <v>8.143832280892601E-3</v>
      </c>
      <c r="V211" s="190">
        <v>1.4959097278701537E-2</v>
      </c>
      <c r="W211" s="93">
        <v>2.0714405463674937E-3</v>
      </c>
      <c r="X211" s="193">
        <v>13854</v>
      </c>
      <c r="Y211" s="183">
        <v>5.044863519472699</v>
      </c>
      <c r="Z211" s="84">
        <v>3.0716765481605339E-2</v>
      </c>
      <c r="AA211" s="190">
        <v>0.23058309098054219</v>
      </c>
      <c r="AB211" s="93">
        <v>7.1569104274514499E-3</v>
      </c>
      <c r="AC211" s="190">
        <v>0.10805259362280144</v>
      </c>
      <c r="AD211" s="93">
        <v>5.2767513683299504E-3</v>
      </c>
      <c r="AE211" s="190">
        <v>0.64754024686774148</v>
      </c>
      <c r="AF211" s="93">
        <v>8.1167061002784049E-3</v>
      </c>
      <c r="AG211" s="190">
        <v>1.3824068528934631E-2</v>
      </c>
      <c r="AH211" s="93">
        <v>1.993595956119424E-3</v>
      </c>
    </row>
    <row r="212" spans="1:34">
      <c r="A212" s="48" t="s">
        <v>350</v>
      </c>
      <c r="B212" s="48">
        <v>10220</v>
      </c>
      <c r="C212" s="185">
        <v>5.4582937986452427</v>
      </c>
      <c r="D212" s="186">
        <v>2.9161141284772256E-2</v>
      </c>
      <c r="E212" s="192">
        <v>0.11475980873372124</v>
      </c>
      <c r="F212" s="96">
        <v>6.3080201788134381E-3</v>
      </c>
      <c r="G212" s="192">
        <v>0.12081702264701885</v>
      </c>
      <c r="H212" s="96">
        <v>6.4499017770815598E-3</v>
      </c>
      <c r="I212" s="192">
        <v>0.7541948219122131</v>
      </c>
      <c r="J212" s="96">
        <v>8.5175769222327509E-3</v>
      </c>
      <c r="K212" s="192">
        <v>1.0228346707037489E-2</v>
      </c>
      <c r="L212" s="96">
        <v>2.0085291069678415E-3</v>
      </c>
      <c r="M212" s="48">
        <v>10157</v>
      </c>
      <c r="N212" s="185">
        <v>5.1796464492033865</v>
      </c>
      <c r="O212" s="186">
        <v>3.1525837329850398E-2</v>
      </c>
      <c r="P212" s="192">
        <v>0.16256264098281814</v>
      </c>
      <c r="Q212" s="96">
        <v>7.3230370034518804E-3</v>
      </c>
      <c r="R212" s="192">
        <v>0.13803092907982234</v>
      </c>
      <c r="S212" s="96">
        <v>6.8467420952802007E-3</v>
      </c>
      <c r="T212" s="192">
        <v>0.68924169751998188</v>
      </c>
      <c r="U212" s="96">
        <v>9.1830614394183482E-3</v>
      </c>
      <c r="V212" s="192">
        <v>1.0164732417369877E-2</v>
      </c>
      <c r="W212" s="96">
        <v>2.0087676023535467E-3</v>
      </c>
      <c r="X212" s="48">
        <v>10145</v>
      </c>
      <c r="Y212" s="185">
        <v>5.3320696307010129</v>
      </c>
      <c r="Z212" s="186">
        <v>3.4626838593356107E-2</v>
      </c>
      <c r="AA212" s="192">
        <v>0.1866335940696498</v>
      </c>
      <c r="AB212" s="96">
        <v>7.7369015514828837E-3</v>
      </c>
      <c r="AC212" s="192">
        <v>9.0522174916732506E-2</v>
      </c>
      <c r="AD212" s="96">
        <v>5.7008573558275646E-3</v>
      </c>
      <c r="AE212" s="192">
        <v>0.71379178768450657</v>
      </c>
      <c r="AF212" s="96">
        <v>8.9739464397979186E-3</v>
      </c>
      <c r="AG212" s="192">
        <v>9.0524433291043378E-3</v>
      </c>
      <c r="AH212" s="96">
        <v>1.9001015753012239E-3</v>
      </c>
    </row>
    <row r="213" spans="1:34">
      <c r="A213" s="44" t="s">
        <v>351</v>
      </c>
      <c r="B213" s="52">
        <v>3723</v>
      </c>
      <c r="C213" s="183">
        <v>5.1117031039451977</v>
      </c>
      <c r="D213" s="84">
        <v>4.951252846847088E-2</v>
      </c>
      <c r="E213" s="190">
        <v>0.14302999859372642</v>
      </c>
      <c r="F213" s="93">
        <v>1.1482341147721219E-2</v>
      </c>
      <c r="G213" s="190">
        <v>0.16630232285188554</v>
      </c>
      <c r="H213" s="93">
        <v>1.2208929486818442E-2</v>
      </c>
      <c r="I213" s="190">
        <v>0.67284572029336776</v>
      </c>
      <c r="J213" s="93">
        <v>1.5372608500991874E-2</v>
      </c>
      <c r="K213" s="190">
        <v>1.782195826102102E-2</v>
      </c>
      <c r="L213" s="93">
        <v>4.3956609408566608E-3</v>
      </c>
      <c r="M213" s="52">
        <v>3702</v>
      </c>
      <c r="N213" s="183">
        <v>4.8346504973168001</v>
      </c>
      <c r="O213" s="84">
        <v>5.2490916215009328E-2</v>
      </c>
      <c r="P213" s="190">
        <v>0.192421702191273</v>
      </c>
      <c r="Q213" s="93">
        <v>1.2959303622014124E-2</v>
      </c>
      <c r="R213" s="190">
        <v>0.18507945397593281</v>
      </c>
      <c r="S213" s="93">
        <v>1.2767970386900631E-2</v>
      </c>
      <c r="T213" s="190">
        <v>0.60365316860022844</v>
      </c>
      <c r="U213" s="93">
        <v>1.6070513828775387E-2</v>
      </c>
      <c r="V213" s="190">
        <v>1.884567523256539E-2</v>
      </c>
      <c r="W213" s="93">
        <v>4.5273047846472103E-3</v>
      </c>
      <c r="X213" s="52">
        <v>3709</v>
      </c>
      <c r="Y213" s="183">
        <v>4.8107298992910357</v>
      </c>
      <c r="Z213" s="84">
        <v>6.2317355494325335E-2</v>
      </c>
      <c r="AA213" s="190">
        <v>0.26609927437951764</v>
      </c>
      <c r="AB213" s="93">
        <v>1.4509050225637487E-2</v>
      </c>
      <c r="AC213" s="190">
        <v>0.1222191622888306</v>
      </c>
      <c r="AD213" s="93">
        <v>1.0765926282271817E-2</v>
      </c>
      <c r="AE213" s="190">
        <v>0.59400147988514096</v>
      </c>
      <c r="AF213" s="93">
        <v>1.6119094541324468E-2</v>
      </c>
      <c r="AG213" s="190">
        <v>1.7680083446510748E-2</v>
      </c>
      <c r="AH213" s="93">
        <v>4.3874384546956505E-3</v>
      </c>
    </row>
    <row r="214" spans="1:34">
      <c r="A214" s="48" t="s">
        <v>558</v>
      </c>
      <c r="B214" s="48">
        <v>336</v>
      </c>
      <c r="C214" s="185">
        <v>5.0984035516815283</v>
      </c>
      <c r="D214" s="186">
        <v>0.16234561249854737</v>
      </c>
      <c r="E214" s="192">
        <v>0.13781469927124845</v>
      </c>
      <c r="F214" s="96">
        <v>3.7868223133650639E-2</v>
      </c>
      <c r="G214" s="192">
        <v>0.1591374693327908</v>
      </c>
      <c r="H214" s="96">
        <v>4.0077934650967734E-2</v>
      </c>
      <c r="I214" s="192">
        <v>0.6946317139298489</v>
      </c>
      <c r="J214" s="96">
        <v>5.0059327429084505E-2</v>
      </c>
      <c r="K214" s="192">
        <v>8.4161174661127863E-3</v>
      </c>
      <c r="L214" s="96">
        <v>1.2832785527762899E-2</v>
      </c>
      <c r="M214" s="48">
        <v>336</v>
      </c>
      <c r="N214" s="185">
        <v>4.7803289495414178</v>
      </c>
      <c r="O214" s="186">
        <v>0.17374237399029047</v>
      </c>
      <c r="P214" s="192">
        <v>0.20042925468605444</v>
      </c>
      <c r="Q214" s="96">
        <v>4.3704426852742929E-2</v>
      </c>
      <c r="R214" s="192">
        <v>0.19397581433685596</v>
      </c>
      <c r="S214" s="96">
        <v>4.3187659461222369E-2</v>
      </c>
      <c r="T214" s="192">
        <v>0.5890055452078562</v>
      </c>
      <c r="U214" s="96">
        <v>5.338685850076938E-2</v>
      </c>
      <c r="V214" s="192">
        <v>1.6589385769234407E-2</v>
      </c>
      <c r="W214" s="96">
        <v>1.6007470285092609E-2</v>
      </c>
      <c r="X214" s="48">
        <v>336</v>
      </c>
      <c r="Y214" s="185">
        <v>4.998256409880387</v>
      </c>
      <c r="Z214" s="186">
        <v>0.20147692331415584</v>
      </c>
      <c r="AA214" s="192">
        <v>0.22316737113149429</v>
      </c>
      <c r="AB214" s="96">
        <v>4.5394518411665238E-2</v>
      </c>
      <c r="AC214" s="192">
        <v>0.12960430909707302</v>
      </c>
      <c r="AD214" s="96">
        <v>3.6944491485596614E-2</v>
      </c>
      <c r="AE214" s="192">
        <v>0.62653634892932053</v>
      </c>
      <c r="AF214" s="96">
        <v>5.2509167404184855E-2</v>
      </c>
      <c r="AG214" s="192">
        <v>2.0691970842113244E-2</v>
      </c>
      <c r="AH214" s="96">
        <v>1.7367167511110299E-2</v>
      </c>
    </row>
    <row r="215" spans="1:34">
      <c r="A215" s="44" t="s">
        <v>559</v>
      </c>
      <c r="B215" s="52">
        <v>3628</v>
      </c>
      <c r="C215" s="183">
        <v>5.3091948180392317</v>
      </c>
      <c r="D215" s="84">
        <v>4.884767263300123E-2</v>
      </c>
      <c r="E215" s="190">
        <v>0.12909054425921171</v>
      </c>
      <c r="F215" s="93">
        <v>1.1142303146471823E-2</v>
      </c>
      <c r="G215" s="190">
        <v>0.14443531346130517</v>
      </c>
      <c r="H215" s="93">
        <v>1.167908218265193E-2</v>
      </c>
      <c r="I215" s="190">
        <v>0.71148473405209089</v>
      </c>
      <c r="J215" s="93">
        <v>1.5039326859839781E-2</v>
      </c>
      <c r="K215" s="190">
        <v>1.4989408227399964E-2</v>
      </c>
      <c r="L215" s="93">
        <v>4.1025644606566894E-3</v>
      </c>
      <c r="M215" s="52">
        <v>3599</v>
      </c>
      <c r="N215" s="183">
        <v>5.0186188080872745</v>
      </c>
      <c r="O215" s="84">
        <v>5.2741528777868703E-2</v>
      </c>
      <c r="P215" s="190">
        <v>0.17303807281878988</v>
      </c>
      <c r="Q215" s="93">
        <v>1.2614532556388227E-2</v>
      </c>
      <c r="R215" s="190">
        <v>0.17206232144138223</v>
      </c>
      <c r="S215" s="93">
        <v>1.2586444128802471E-2</v>
      </c>
      <c r="T215" s="190">
        <v>0.64346822134234283</v>
      </c>
      <c r="U215" s="93">
        <v>1.5960767411532188E-2</v>
      </c>
      <c r="V215" s="190">
        <v>1.1431384397494027E-2</v>
      </c>
      <c r="W215" s="93">
        <v>3.6240806315785568E-3</v>
      </c>
      <c r="X215" s="52">
        <v>3595</v>
      </c>
      <c r="Y215" s="183">
        <v>5.0788843216949431</v>
      </c>
      <c r="Z215" s="84">
        <v>5.8837586944499726E-2</v>
      </c>
      <c r="AA215" s="190">
        <v>0.22402734260456811</v>
      </c>
      <c r="AB215" s="93">
        <v>1.3906698659531095E-2</v>
      </c>
      <c r="AC215" s="190">
        <v>0.11105771521999606</v>
      </c>
      <c r="AD215" s="93">
        <v>1.0492722296394778E-2</v>
      </c>
      <c r="AE215" s="190">
        <v>0.65387966490819538</v>
      </c>
      <c r="AF215" s="93">
        <v>1.5861783318303988E-2</v>
      </c>
      <c r="AG215" s="190">
        <v>1.1035277267249399E-2</v>
      </c>
      <c r="AH215" s="93">
        <v>3.5664852762897436E-3</v>
      </c>
    </row>
    <row r="216" spans="1:34">
      <c r="A216" s="48" t="s">
        <v>560</v>
      </c>
      <c r="B216" s="48">
        <v>2975</v>
      </c>
      <c r="C216" s="185">
        <v>5.5726495122006323</v>
      </c>
      <c r="D216" s="186">
        <v>5.2765992964571969E-2</v>
      </c>
      <c r="E216" s="192">
        <v>0.10183730540426988</v>
      </c>
      <c r="F216" s="96">
        <v>1.1107936917544128E-2</v>
      </c>
      <c r="G216" s="192">
        <v>0.10958886095069482</v>
      </c>
      <c r="H216" s="96">
        <v>1.1470480440746215E-2</v>
      </c>
      <c r="I216" s="192">
        <v>0.77726881854244123</v>
      </c>
      <c r="J216" s="96">
        <v>1.5255607406263179E-2</v>
      </c>
      <c r="K216" s="192">
        <v>1.1305015102592242E-2</v>
      </c>
      <c r="L216" s="96">
        <v>3.983539709981292E-3</v>
      </c>
      <c r="M216" s="48">
        <v>2950</v>
      </c>
      <c r="N216" s="185">
        <v>5.2907873199961681</v>
      </c>
      <c r="O216" s="186">
        <v>5.7373680669968959E-2</v>
      </c>
      <c r="P216" s="192">
        <v>0.14717533273031727</v>
      </c>
      <c r="Q216" s="96">
        <v>1.3054318885475584E-2</v>
      </c>
      <c r="R216" s="192">
        <v>0.13585812223157734</v>
      </c>
      <c r="S216" s="96">
        <v>1.2627658445351209E-2</v>
      </c>
      <c r="T216" s="192">
        <v>0.70762149897615967</v>
      </c>
      <c r="U216" s="96">
        <v>1.6742503059381315E-2</v>
      </c>
      <c r="V216" s="192">
        <v>9.3450460619432015E-3</v>
      </c>
      <c r="W216" s="96">
        <v>3.663069579309214E-3</v>
      </c>
      <c r="X216" s="48">
        <v>2945</v>
      </c>
      <c r="Y216" s="185">
        <v>5.4358184212776859</v>
      </c>
      <c r="Z216" s="186">
        <v>6.2358334692255983E-2</v>
      </c>
      <c r="AA216" s="192">
        <v>0.16639422720515099</v>
      </c>
      <c r="AB216" s="96">
        <v>1.3731371212948755E-2</v>
      </c>
      <c r="AC216" s="192">
        <v>9.2503844379807049E-2</v>
      </c>
      <c r="AD216" s="96">
        <v>1.0699321236619094E-2</v>
      </c>
      <c r="AE216" s="192">
        <v>0.7322781868793542</v>
      </c>
      <c r="AF216" s="96">
        <v>1.6313024289573409E-2</v>
      </c>
      <c r="AG216" s="192">
        <v>8.8237415356858338E-3</v>
      </c>
      <c r="AH216" s="96">
        <v>3.5707089092047103E-3</v>
      </c>
    </row>
    <row r="217" spans="1:34">
      <c r="A217" s="44" t="s">
        <v>368</v>
      </c>
      <c r="B217" s="52">
        <v>159</v>
      </c>
      <c r="C217" s="183">
        <v>5.444101597526867</v>
      </c>
      <c r="D217" s="84">
        <v>0.23760472194205018</v>
      </c>
      <c r="E217" s="190">
        <v>0.11298779193808711</v>
      </c>
      <c r="F217" s="93">
        <v>5.1357628073450706E-2</v>
      </c>
      <c r="G217" s="190">
        <v>9.907652935206375E-2</v>
      </c>
      <c r="H217" s="93">
        <v>4.8802251266533252E-2</v>
      </c>
      <c r="I217" s="190">
        <v>0.75284518633012354</v>
      </c>
      <c r="J217" s="93">
        <v>6.8133487676078408E-2</v>
      </c>
      <c r="K217" s="190">
        <v>3.5090492379725842E-2</v>
      </c>
      <c r="L217" s="93">
        <v>3.2985264748652911E-2</v>
      </c>
      <c r="M217" s="52">
        <v>158</v>
      </c>
      <c r="N217" s="183">
        <v>5.0974466088380259</v>
      </c>
      <c r="O217" s="84">
        <v>0.25881855988315083</v>
      </c>
      <c r="P217" s="190">
        <v>0.15058318753868258</v>
      </c>
      <c r="Q217" s="93">
        <v>5.7491318947612051E-2</v>
      </c>
      <c r="R217" s="190">
        <v>0.15815457160673477</v>
      </c>
      <c r="S217" s="93">
        <v>5.8550651066461672E-2</v>
      </c>
      <c r="T217" s="190">
        <v>0.65921536770946698</v>
      </c>
      <c r="U217" s="93">
        <v>7.4682346371882494E-2</v>
      </c>
      <c r="V217" s="190">
        <v>3.2046873145115881E-2</v>
      </c>
      <c r="W217" s="93">
        <v>3.2087919528556774E-2</v>
      </c>
      <c r="X217" s="52">
        <v>159</v>
      </c>
      <c r="Y217" s="183">
        <v>5.3642172265485719</v>
      </c>
      <c r="Z217" s="84">
        <v>0.27569660552015562</v>
      </c>
      <c r="AA217" s="190">
        <v>0.15729801181390923</v>
      </c>
      <c r="AB217" s="93">
        <v>5.8246098624433272E-2</v>
      </c>
      <c r="AC217" s="190">
        <v>9.9962238822262878E-2</v>
      </c>
      <c r="AD217" s="93">
        <v>4.8971673795792571E-2</v>
      </c>
      <c r="AE217" s="190">
        <v>0.71383581278333241</v>
      </c>
      <c r="AF217" s="93">
        <v>7.1184701894916741E-2</v>
      </c>
      <c r="AG217" s="190">
        <v>2.8903936580495827E-2</v>
      </c>
      <c r="AH217" s="93">
        <v>3.0867694808492632E-2</v>
      </c>
    </row>
    <row r="218" spans="1:34">
      <c r="A218" s="48" t="s">
        <v>150</v>
      </c>
      <c r="B218" s="48">
        <v>273</v>
      </c>
      <c r="C218" s="185">
        <v>5.9060637296576184</v>
      </c>
      <c r="D218" s="186">
        <v>0.15954907212381897</v>
      </c>
      <c r="E218" s="192">
        <v>6.9144288908514137E-2</v>
      </c>
      <c r="F218" s="96">
        <v>3.1722167822176017E-2</v>
      </c>
      <c r="G218" s="192">
        <v>7.350185268307341E-2</v>
      </c>
      <c r="H218" s="96">
        <v>3.2537642347299452E-2</v>
      </c>
      <c r="I218" s="192">
        <v>0.84376474090319997</v>
      </c>
      <c r="J218" s="96">
        <v>4.4187675513090718E-2</v>
      </c>
      <c r="K218" s="192">
        <v>1.3589117505209119E-2</v>
      </c>
      <c r="L218" s="96">
        <v>1.7074143442504696E-2</v>
      </c>
      <c r="M218" s="48">
        <v>273</v>
      </c>
      <c r="N218" s="185">
        <v>5.7016588754028703</v>
      </c>
      <c r="O218" s="186">
        <v>0.17251465700846627</v>
      </c>
      <c r="P218" s="192">
        <v>9.1101585977849384E-2</v>
      </c>
      <c r="Q218" s="96">
        <v>3.5565781321794561E-2</v>
      </c>
      <c r="R218" s="192">
        <v>7.0765499635525489E-2</v>
      </c>
      <c r="S218" s="96">
        <v>3.2028958099917855E-2</v>
      </c>
      <c r="T218" s="192">
        <v>0.83252282763480678</v>
      </c>
      <c r="U218" s="96">
        <v>4.5378299302837689E-2</v>
      </c>
      <c r="V218" s="192">
        <v>5.6100867518151954E-3</v>
      </c>
      <c r="W218" s="96">
        <v>1.3481768326757688E-2</v>
      </c>
      <c r="X218" s="48">
        <v>270</v>
      </c>
      <c r="Y218" s="185">
        <v>5.5682334592481082</v>
      </c>
      <c r="Z218" s="186">
        <v>0.21558615681222826</v>
      </c>
      <c r="AA218" s="192">
        <v>0.18901747152578788</v>
      </c>
      <c r="AB218" s="96">
        <v>4.773603053852421E-2</v>
      </c>
      <c r="AC218" s="192">
        <v>3.2634303266564364E-2</v>
      </c>
      <c r="AD218" s="96">
        <v>2.3522094805240312E-2</v>
      </c>
      <c r="AE218" s="192">
        <v>0.76277979144948549</v>
      </c>
      <c r="AF218" s="96">
        <v>5.1679559716921328E-2</v>
      </c>
      <c r="AG218" s="192">
        <v>1.5568433758159372E-2</v>
      </c>
      <c r="AH218" s="96">
        <v>1.7973150482757296E-2</v>
      </c>
    </row>
    <row r="219" spans="1:34">
      <c r="A219" s="44" t="s">
        <v>352</v>
      </c>
      <c r="B219" s="52">
        <v>121</v>
      </c>
      <c r="C219" s="183">
        <v>5.9200570021978205</v>
      </c>
      <c r="D219" s="84">
        <v>0.21701150773716615</v>
      </c>
      <c r="E219" s="190">
        <v>5.7690806882031084E-2</v>
      </c>
      <c r="F219" s="93">
        <v>4.6193693072936547E-2</v>
      </c>
      <c r="G219" s="190">
        <v>7.3408472665856969E-2</v>
      </c>
      <c r="H219" s="93">
        <v>5.0431755755738154E-2</v>
      </c>
      <c r="I219" s="190">
        <v>0.86890072045211186</v>
      </c>
      <c r="J219" s="93">
        <v>6.2605436201472742E-2</v>
      </c>
      <c r="K219" s="190">
        <v>0</v>
      </c>
      <c r="L219" s="93">
        <v>2.2445667733440235E-2</v>
      </c>
      <c r="M219" s="52">
        <v>121</v>
      </c>
      <c r="N219" s="183">
        <v>5.7642773010095798</v>
      </c>
      <c r="O219" s="84">
        <v>0.24397205979088954</v>
      </c>
      <c r="P219" s="190">
        <v>7.1835984162137545E-2</v>
      </c>
      <c r="Q219" s="93">
        <v>5.0030587282993096E-2</v>
      </c>
      <c r="R219" s="190">
        <v>5.7820977683031266E-2</v>
      </c>
      <c r="S219" s="93">
        <v>4.6231045436716141E-2</v>
      </c>
      <c r="T219" s="190">
        <v>0.87034303815483127</v>
      </c>
      <c r="U219" s="93">
        <v>6.2349580206415268E-2</v>
      </c>
      <c r="V219" s="190">
        <v>0</v>
      </c>
      <c r="W219" s="93">
        <v>2.2445667733440235E-2</v>
      </c>
      <c r="X219" s="52">
        <v>119</v>
      </c>
      <c r="Y219" s="183">
        <v>5.6134753475170793</v>
      </c>
      <c r="Z219" s="84">
        <v>0.32458103050051179</v>
      </c>
      <c r="AA219" s="190">
        <v>0.16602033614304562</v>
      </c>
      <c r="AB219" s="93">
        <v>6.8809720272010308E-2</v>
      </c>
      <c r="AC219" s="190">
        <v>3.6824660293024794E-2</v>
      </c>
      <c r="AD219" s="93">
        <v>3.9997960871004226E-2</v>
      </c>
      <c r="AE219" s="190">
        <v>0.77275672947916485</v>
      </c>
      <c r="AF219" s="93">
        <v>7.6586497482558746E-2</v>
      </c>
      <c r="AG219" s="190">
        <v>2.4398274084764481E-2</v>
      </c>
      <c r="AH219" s="93">
        <v>3.528088402124778E-2</v>
      </c>
    </row>
    <row r="220" spans="1:34">
      <c r="A220" s="48" t="s">
        <v>353</v>
      </c>
      <c r="B220" s="48">
        <v>117</v>
      </c>
      <c r="C220" s="185">
        <v>5.7325814525716874</v>
      </c>
      <c r="D220" s="186">
        <v>0.27419591123538267</v>
      </c>
      <c r="E220" s="192">
        <v>0.11299023785677077</v>
      </c>
      <c r="F220" s="96">
        <v>6.0291947346982844E-2</v>
      </c>
      <c r="G220" s="192">
        <v>6.4249619952311057E-2</v>
      </c>
      <c r="H220" s="96">
        <v>4.8945254112020858E-2</v>
      </c>
      <c r="I220" s="192">
        <v>0.79876831396517389</v>
      </c>
      <c r="J220" s="96">
        <v>7.4199106682894533E-2</v>
      </c>
      <c r="K220" s="192">
        <v>2.3991828225743656E-2</v>
      </c>
      <c r="L220" s="96">
        <v>3.5512470411338294E-2</v>
      </c>
      <c r="M220" s="48">
        <v>117</v>
      </c>
      <c r="N220" s="185">
        <v>5.5903197239496834</v>
      </c>
      <c r="O220" s="186">
        <v>0.2862587478545574</v>
      </c>
      <c r="P220" s="192">
        <v>0.13998808608383703</v>
      </c>
      <c r="Q220" s="96">
        <v>6.5257011272446208E-2</v>
      </c>
      <c r="R220" s="192">
        <v>5.518721616790332E-2</v>
      </c>
      <c r="S220" s="96">
        <v>4.6357187198900925E-2</v>
      </c>
      <c r="T220" s="192">
        <v>0.79074728394383664</v>
      </c>
      <c r="U220" s="96">
        <v>7.5177511144086787E-2</v>
      </c>
      <c r="V220" s="192">
        <v>1.4077413804422434E-2</v>
      </c>
      <c r="W220" s="96">
        <v>3.1086385783587786E-2</v>
      </c>
      <c r="X220" s="48">
        <v>117</v>
      </c>
      <c r="Y220" s="185">
        <v>5.3913813880073507</v>
      </c>
      <c r="Z220" s="186">
        <v>0.33989414800220663</v>
      </c>
      <c r="AA220" s="192">
        <v>0.23128345555581947</v>
      </c>
      <c r="AB220" s="96">
        <v>7.7669915833682379E-2</v>
      </c>
      <c r="AC220" s="192">
        <v>2.8552511478267477E-2</v>
      </c>
      <c r="AD220" s="96">
        <v>3.7345573553588488E-2</v>
      </c>
      <c r="AE220" s="192">
        <v>0.72608661916149009</v>
      </c>
      <c r="AF220" s="96">
        <v>8.1759270823320712E-2</v>
      </c>
      <c r="AG220" s="192">
        <v>1.4077413804422434E-2</v>
      </c>
      <c r="AH220" s="96">
        <v>3.1086385783587786E-2</v>
      </c>
    </row>
    <row r="221" spans="1:34">
      <c r="A221" s="44" t="s">
        <v>369</v>
      </c>
      <c r="B221" s="193">
        <v>427</v>
      </c>
      <c r="C221" s="183">
        <v>5.611201015623589</v>
      </c>
      <c r="D221" s="84">
        <v>0.14229765426822499</v>
      </c>
      <c r="E221" s="190">
        <v>0.10070895922282819</v>
      </c>
      <c r="F221" s="93">
        <v>2.9459516736177006E-2</v>
      </c>
      <c r="G221" s="190">
        <v>9.7444200280762186E-2</v>
      </c>
      <c r="H221" s="93">
        <v>2.9051962515172381E-2</v>
      </c>
      <c r="I221" s="190">
        <v>0.7920568849989984</v>
      </c>
      <c r="J221" s="93">
        <v>3.9283451139504176E-2</v>
      </c>
      <c r="K221" s="190">
        <v>9.7899554974103312E-3</v>
      </c>
      <c r="L221" s="93">
        <v>1.1453060993560481E-2</v>
      </c>
      <c r="M221" s="193">
        <v>424</v>
      </c>
      <c r="N221" s="183">
        <v>5.4589964761412313</v>
      </c>
      <c r="O221" s="84">
        <v>0.14926325277241623</v>
      </c>
      <c r="P221" s="190">
        <v>0.11122741685264764</v>
      </c>
      <c r="Q221" s="93">
        <v>3.0824768661483332E-2</v>
      </c>
      <c r="R221" s="190">
        <v>0.13497517353499319</v>
      </c>
      <c r="S221" s="93">
        <v>3.3381925236187583E-2</v>
      </c>
      <c r="T221" s="190">
        <v>0.75079160187067839</v>
      </c>
      <c r="U221" s="93">
        <v>4.1947197891748098E-2</v>
      </c>
      <c r="V221" s="190">
        <v>3.0058077416801328E-3</v>
      </c>
      <c r="W221" s="93">
        <v>8.4234216155326357E-3</v>
      </c>
      <c r="X221" s="193">
        <v>423</v>
      </c>
      <c r="Y221" s="183">
        <v>5.5169122746273036</v>
      </c>
      <c r="Z221" s="84">
        <v>0.1607083177420045</v>
      </c>
      <c r="AA221" s="190">
        <v>0.14539312228646364</v>
      </c>
      <c r="AB221" s="93">
        <v>3.4437442899439723E-2</v>
      </c>
      <c r="AC221" s="190">
        <v>9.2044395364338852E-2</v>
      </c>
      <c r="AD221" s="93">
        <v>2.8494743312071216E-2</v>
      </c>
      <c r="AE221" s="190">
        <v>0.76056474236883587</v>
      </c>
      <c r="AF221" s="93">
        <v>4.1446003421181911E-2</v>
      </c>
      <c r="AG221" s="190">
        <v>1.99773998036098E-3</v>
      </c>
      <c r="AH221" s="93">
        <v>7.8739916628422363E-3</v>
      </c>
    </row>
    <row r="222" spans="1:34">
      <c r="A222" s="48" t="s">
        <v>354</v>
      </c>
      <c r="B222" s="194">
        <v>70</v>
      </c>
      <c r="C222" s="185">
        <v>5.7744552116786112</v>
      </c>
      <c r="D222" s="186">
        <v>0.34016739272373497</v>
      </c>
      <c r="E222" s="192">
        <v>0.11538573818434675</v>
      </c>
      <c r="F222" s="96">
        <v>7.9740076898452736E-2</v>
      </c>
      <c r="G222" s="192">
        <v>7.9517733603975807E-2</v>
      </c>
      <c r="H222" s="96">
        <v>7.043960688103966E-2</v>
      </c>
      <c r="I222" s="192">
        <v>0.80509652821167765</v>
      </c>
      <c r="J222" s="96">
        <v>9.492735645721008E-2</v>
      </c>
      <c r="K222" s="192">
        <v>0</v>
      </c>
      <c r="L222" s="96">
        <v>3.7701936889887336E-2</v>
      </c>
      <c r="M222" s="194">
        <v>71</v>
      </c>
      <c r="N222" s="185">
        <v>5.4554001819458211</v>
      </c>
      <c r="O222" s="186">
        <v>0.3776167026657013</v>
      </c>
      <c r="P222" s="192">
        <v>0.1847401489848898</v>
      </c>
      <c r="Q222" s="96">
        <v>9.2644118988300037E-2</v>
      </c>
      <c r="R222" s="192">
        <v>6.7777451705431868E-2</v>
      </c>
      <c r="S222" s="96">
        <v>6.6364390212008031E-2</v>
      </c>
      <c r="T222" s="192">
        <v>0.74748239930967841</v>
      </c>
      <c r="U222" s="96">
        <v>0.10200949433705613</v>
      </c>
      <c r="V222" s="192">
        <v>0</v>
      </c>
      <c r="W222" s="96">
        <v>3.7206132509255738E-2</v>
      </c>
      <c r="X222" s="194">
        <v>69</v>
      </c>
      <c r="Y222" s="185">
        <v>5.5367832197144589</v>
      </c>
      <c r="Z222" s="186">
        <v>0.3754890687131005</v>
      </c>
      <c r="AA222" s="192">
        <v>0.11788673372753378</v>
      </c>
      <c r="AB222" s="96">
        <v>8.0937053125452782E-2</v>
      </c>
      <c r="AC222" s="192">
        <v>9.108688202749865E-2</v>
      </c>
      <c r="AD222" s="96">
        <v>7.424963484170595E-2</v>
      </c>
      <c r="AE222" s="192">
        <v>0.79102638424496774</v>
      </c>
      <c r="AF222" s="96">
        <v>9.7736335404288069E-2</v>
      </c>
      <c r="AG222" s="192">
        <v>0</v>
      </c>
      <c r="AH222" s="96">
        <v>3.821112970151376E-2</v>
      </c>
    </row>
    <row r="223" spans="1:34">
      <c r="A223" s="44" t="s">
        <v>355</v>
      </c>
      <c r="B223" s="82">
        <v>76</v>
      </c>
      <c r="C223" s="183">
        <v>5.6606074887373969</v>
      </c>
      <c r="D223" s="84">
        <v>0.36659776906630942</v>
      </c>
      <c r="E223" s="190">
        <v>0.16441745498996024</v>
      </c>
      <c r="F223" s="93">
        <v>8.6129083596900538E-2</v>
      </c>
      <c r="G223" s="190">
        <v>1.2736249169624505E-2</v>
      </c>
      <c r="H223" s="93">
        <v>4.2262908387177493E-2</v>
      </c>
      <c r="I223" s="190">
        <v>0.82284629584041513</v>
      </c>
      <c r="J223" s="93">
        <v>8.8298546989479421E-2</v>
      </c>
      <c r="K223" s="190">
        <v>0</v>
      </c>
      <c r="L223" s="93">
        <v>3.4910600109422353E-2</v>
      </c>
      <c r="M223" s="82">
        <v>76</v>
      </c>
      <c r="N223" s="183">
        <v>5.3874587180310254</v>
      </c>
      <c r="O223" s="84">
        <v>0.38036923792027133</v>
      </c>
      <c r="P223" s="190">
        <v>0.18393318891446228</v>
      </c>
      <c r="Q223" s="93">
        <v>8.9398503417149722E-2</v>
      </c>
      <c r="R223" s="190">
        <v>7.0172138364353709E-2</v>
      </c>
      <c r="S223" s="93">
        <v>6.4521829038302711E-2</v>
      </c>
      <c r="T223" s="190">
        <v>0.74589467272118415</v>
      </c>
      <c r="U223" s="93">
        <v>9.8851168040500648E-2</v>
      </c>
      <c r="V223" s="190">
        <v>0</v>
      </c>
      <c r="W223" s="93">
        <v>3.4910600109422353E-2</v>
      </c>
      <c r="X223" s="82">
        <v>76</v>
      </c>
      <c r="Y223" s="183">
        <v>5.0942138129944157</v>
      </c>
      <c r="Z223" s="84">
        <v>0.45002521223999403</v>
      </c>
      <c r="AA223" s="190">
        <v>0.28755769273113085</v>
      </c>
      <c r="AB223" s="93">
        <v>0.10229091116498501</v>
      </c>
      <c r="AC223" s="190">
        <v>5.1605023514432309E-2</v>
      </c>
      <c r="AD223" s="93">
        <v>5.8542764462789394E-2</v>
      </c>
      <c r="AE223" s="190">
        <v>0.64951127475564507</v>
      </c>
      <c r="AF223" s="93">
        <v>0.10719744791636836</v>
      </c>
      <c r="AG223" s="190">
        <v>1.1326008998791775E-2</v>
      </c>
      <c r="AH223" s="93">
        <v>4.1521652058506379E-2</v>
      </c>
    </row>
    <row r="224" spans="1:34">
      <c r="A224" s="48" t="s">
        <v>356</v>
      </c>
      <c r="B224" s="194">
        <v>67</v>
      </c>
      <c r="C224" s="185">
        <v>5.6927797528986996</v>
      </c>
      <c r="D224" s="186">
        <v>0.31630452898080325</v>
      </c>
      <c r="E224" s="192">
        <v>1.998558193982166E-2</v>
      </c>
      <c r="F224" s="96">
        <v>5.0248371306915812E-2</v>
      </c>
      <c r="G224" s="192">
        <v>0.15494433836849139</v>
      </c>
      <c r="H224" s="96">
        <v>9.0062351399939275E-2</v>
      </c>
      <c r="I224" s="192">
        <v>0.82507007969168666</v>
      </c>
      <c r="J224" s="96">
        <v>9.3718364232955279E-2</v>
      </c>
      <c r="K224" s="192">
        <v>0</v>
      </c>
      <c r="L224" s="96">
        <v>3.9271909274046654E-2</v>
      </c>
      <c r="M224" s="194">
        <v>66</v>
      </c>
      <c r="N224" s="185">
        <v>5.6353760627223561</v>
      </c>
      <c r="O224" s="186">
        <v>0.34634279131396289</v>
      </c>
      <c r="P224" s="192">
        <v>4.5663637777183019E-2</v>
      </c>
      <c r="Q224" s="96">
        <v>6.1642041535037016E-2</v>
      </c>
      <c r="R224" s="192">
        <v>0.16336166240745315</v>
      </c>
      <c r="S224" s="96">
        <v>9.2352139284681611E-2</v>
      </c>
      <c r="T224" s="192">
        <v>0.79097469981536361</v>
      </c>
      <c r="U224" s="96">
        <v>9.992380199190766E-2</v>
      </c>
      <c r="V224" s="192">
        <v>0</v>
      </c>
      <c r="W224" s="96">
        <v>3.9824688710695409E-2</v>
      </c>
      <c r="X224" s="194">
        <v>66</v>
      </c>
      <c r="Y224" s="185">
        <v>5.5035944013459224</v>
      </c>
      <c r="Z224" s="186">
        <v>0.39978647970698317</v>
      </c>
      <c r="AA224" s="192">
        <v>0.16276309214000861</v>
      </c>
      <c r="AB224" s="96">
        <v>9.2241136849056743E-2</v>
      </c>
      <c r="AC224" s="192">
        <v>9.7564027827230768E-2</v>
      </c>
      <c r="AD224" s="96">
        <v>7.783703360156867E-2</v>
      </c>
      <c r="AE224" s="192">
        <v>0.73967288003276055</v>
      </c>
      <c r="AF224" s="96">
        <v>0.10661928686706451</v>
      </c>
      <c r="AG224" s="192">
        <v>0</v>
      </c>
      <c r="AH224" s="96">
        <v>3.9824688710695409E-2</v>
      </c>
    </row>
    <row r="225" spans="1:34">
      <c r="A225" s="56" t="s">
        <v>357</v>
      </c>
      <c r="B225" s="193">
        <v>54</v>
      </c>
      <c r="C225" s="183">
        <v>5.901204472856481</v>
      </c>
      <c r="D225" s="84">
        <v>0.36775936400715098</v>
      </c>
      <c r="E225" s="190">
        <v>6.0736125454342496E-2</v>
      </c>
      <c r="F225" s="93">
        <v>7.5541124240449259E-2</v>
      </c>
      <c r="G225" s="190">
        <v>6.4956634124596527E-2</v>
      </c>
      <c r="H225" s="93">
        <v>7.6987367758387285E-2</v>
      </c>
      <c r="I225" s="190">
        <v>0.87430724042106078</v>
      </c>
      <c r="J225" s="93">
        <v>9.4157851764614539E-2</v>
      </c>
      <c r="K225" s="190">
        <v>0</v>
      </c>
      <c r="L225" s="93">
        <v>4.7917816122734561E-2</v>
      </c>
      <c r="M225" s="193">
        <v>54</v>
      </c>
      <c r="N225" s="183">
        <v>5.9614177385502876</v>
      </c>
      <c r="O225" s="84">
        <v>0.33994147135879432</v>
      </c>
      <c r="P225" s="190">
        <v>1.1533281442708572E-2</v>
      </c>
      <c r="Q225" s="93">
        <v>5.4567727572205967E-2</v>
      </c>
      <c r="R225" s="190">
        <v>0.11458149071126275</v>
      </c>
      <c r="S225" s="93">
        <v>9.143882274337041E-2</v>
      </c>
      <c r="T225" s="190">
        <v>0.87388522784602851</v>
      </c>
      <c r="U225" s="93">
        <v>9.4258032621327967E-2</v>
      </c>
      <c r="V225" s="190">
        <v>0</v>
      </c>
      <c r="W225" s="93">
        <v>4.7917816122734561E-2</v>
      </c>
      <c r="X225" s="193">
        <v>53</v>
      </c>
      <c r="Y225" s="183">
        <v>5.7382557951686257</v>
      </c>
      <c r="Z225" s="84">
        <v>0.43455099838819922</v>
      </c>
      <c r="AA225" s="190">
        <v>0.12029012467003698</v>
      </c>
      <c r="AB225" s="93">
        <v>9.378815873593721E-2</v>
      </c>
      <c r="AC225" s="190">
        <v>6.3484521724894896E-2</v>
      </c>
      <c r="AD225" s="93">
        <v>7.7350486000014748E-2</v>
      </c>
      <c r="AE225" s="190">
        <v>0.8162253536050682</v>
      </c>
      <c r="AF225" s="93">
        <v>0.10712967961110469</v>
      </c>
      <c r="AG225" s="190">
        <v>0</v>
      </c>
      <c r="AH225" s="93">
        <v>4.8743201957104715E-2</v>
      </c>
    </row>
    <row r="226" spans="1:34">
      <c r="A226" s="48" t="s">
        <v>358</v>
      </c>
      <c r="B226" s="194">
        <v>98</v>
      </c>
      <c r="C226" s="185">
        <v>5.5402141359446997</v>
      </c>
      <c r="D226" s="186">
        <v>0.31165762363290972</v>
      </c>
      <c r="E226" s="192">
        <v>0.13981222500165405</v>
      </c>
      <c r="F226" s="96">
        <v>7.1466587071353713E-2</v>
      </c>
      <c r="G226" s="192">
        <v>6.4031033903500484E-2</v>
      </c>
      <c r="H226" s="96">
        <v>5.4068267329888446E-2</v>
      </c>
      <c r="I226" s="192">
        <v>0.78460158020050452</v>
      </c>
      <c r="J226" s="96">
        <v>8.2896146941918936E-2</v>
      </c>
      <c r="K226" s="192">
        <v>1.1555160894340581E-2</v>
      </c>
      <c r="L226" s="96">
        <v>3.4166125258571468E-2</v>
      </c>
      <c r="M226" s="194">
        <v>97</v>
      </c>
      <c r="N226" s="185">
        <v>5.4228068289215647</v>
      </c>
      <c r="O226" s="186">
        <v>0.32513181087744158</v>
      </c>
      <c r="P226" s="192">
        <v>0.1079426198489271</v>
      </c>
      <c r="Q226" s="96">
        <v>6.5468575068246493E-2</v>
      </c>
      <c r="R226" s="192">
        <v>0.18658790460743674</v>
      </c>
      <c r="S226" s="96">
        <v>7.9453369953185651E-2</v>
      </c>
      <c r="T226" s="192">
        <v>0.69390595554961232</v>
      </c>
      <c r="U226" s="96">
        <v>9.2344530586999513E-2</v>
      </c>
      <c r="V226" s="192">
        <v>1.156351999402336E-2</v>
      </c>
      <c r="W226" s="96">
        <v>3.4441664290272817E-2</v>
      </c>
      <c r="X226" s="194">
        <v>98</v>
      </c>
      <c r="Y226" s="185">
        <v>5.2938963032562532</v>
      </c>
      <c r="Z226" s="186">
        <v>0.36449395563678727</v>
      </c>
      <c r="AA226" s="192">
        <v>0.14706012262680404</v>
      </c>
      <c r="AB226" s="96">
        <v>7.2763867844693686E-2</v>
      </c>
      <c r="AC226" s="192">
        <v>0.15674684749356574</v>
      </c>
      <c r="AD226" s="96">
        <v>7.4422502243523619E-2</v>
      </c>
      <c r="AE226" s="192">
        <v>0.6957735004218033</v>
      </c>
      <c r="AF226" s="96">
        <v>9.174129313002341E-2</v>
      </c>
      <c r="AG226" s="192">
        <v>4.1952945782647668E-4</v>
      </c>
      <c r="AH226" s="96">
        <v>2.7731544664589197E-2</v>
      </c>
    </row>
    <row r="227" spans="1:34">
      <c r="A227" s="56" t="s">
        <v>359</v>
      </c>
      <c r="B227" s="193">
        <v>116</v>
      </c>
      <c r="C227" s="183">
        <v>5.3636763041514053</v>
      </c>
      <c r="D227" s="84">
        <v>0.28695394059368012</v>
      </c>
      <c r="E227" s="190">
        <v>0.12073654196742327</v>
      </c>
      <c r="F227" s="93">
        <v>6.2072213598173241E-2</v>
      </c>
      <c r="G227" s="190">
        <v>0.13740620463224121</v>
      </c>
      <c r="H227" s="93">
        <v>6.5101102843999795E-2</v>
      </c>
      <c r="I227" s="190">
        <v>0.71973297844153483</v>
      </c>
      <c r="J227" s="93">
        <v>8.2640306884662715E-2</v>
      </c>
      <c r="K227" s="190">
        <v>2.2124274958800649E-2</v>
      </c>
      <c r="L227" s="93">
        <v>3.4931074768563719E-2</v>
      </c>
      <c r="M227" s="193">
        <v>114</v>
      </c>
      <c r="N227" s="183">
        <v>5.1424449441688553</v>
      </c>
      <c r="O227" s="84">
        <v>0.28742071215078985</v>
      </c>
      <c r="P227" s="190">
        <v>0.13926057005137651</v>
      </c>
      <c r="Q227" s="93">
        <v>6.6009783690959681E-2</v>
      </c>
      <c r="R227" s="190">
        <v>0.16455934571063868</v>
      </c>
      <c r="S227" s="93">
        <v>7.0103742658696802E-2</v>
      </c>
      <c r="T227" s="190">
        <v>0.69618008423798461</v>
      </c>
      <c r="U227" s="93">
        <v>8.5187413031128548E-2</v>
      </c>
      <c r="V227" s="190">
        <v>0</v>
      </c>
      <c r="W227" s="93">
        <v>2.3765720057393202E-2</v>
      </c>
      <c r="X227" s="193">
        <v>115</v>
      </c>
      <c r="Y227" s="183">
        <v>5.7067001110708571</v>
      </c>
      <c r="Z227" s="84">
        <v>0.26979290303178061</v>
      </c>
      <c r="AA227" s="190">
        <v>6.5456551026206414E-2</v>
      </c>
      <c r="AB227" s="93">
        <v>4.9756705886445533E-2</v>
      </c>
      <c r="AC227" s="190">
        <v>0.13607616407478457</v>
      </c>
      <c r="AD227" s="93">
        <v>6.5160014756960635E-2</v>
      </c>
      <c r="AE227" s="190">
        <v>0.79846728489900887</v>
      </c>
      <c r="AF227" s="93">
        <v>7.4879260304927461E-2</v>
      </c>
      <c r="AG227" s="190">
        <v>0</v>
      </c>
      <c r="AH227" s="93">
        <v>2.3567715249216942E-2</v>
      </c>
    </row>
    <row r="228" spans="1:34">
      <c r="A228" s="48" t="s">
        <v>371</v>
      </c>
      <c r="B228" s="194">
        <v>183</v>
      </c>
      <c r="C228" s="185">
        <v>5.8664989303294197</v>
      </c>
      <c r="D228" s="186">
        <v>0.16870950900153595</v>
      </c>
      <c r="E228" s="192">
        <v>5.4682662321856583E-2</v>
      </c>
      <c r="F228" s="96">
        <v>3.5850395675938132E-2</v>
      </c>
      <c r="G228" s="192">
        <v>8.2182877058382148E-2</v>
      </c>
      <c r="H228" s="96">
        <v>4.2089098641474233E-2</v>
      </c>
      <c r="I228" s="192">
        <v>0.85855407714833731</v>
      </c>
      <c r="J228" s="96">
        <v>5.209618579582935E-2</v>
      </c>
      <c r="K228" s="192">
        <v>4.5803834714243305E-3</v>
      </c>
      <c r="L228" s="96">
        <v>1.7880910350645356E-2</v>
      </c>
      <c r="M228" s="194">
        <v>181</v>
      </c>
      <c r="N228" s="185">
        <v>5.6898158852991809</v>
      </c>
      <c r="O228" s="186">
        <v>0.19265807744445829</v>
      </c>
      <c r="P228" s="192">
        <v>8.5375887635437464E-2</v>
      </c>
      <c r="Q228" s="96">
        <v>4.298096608199739E-2</v>
      </c>
      <c r="R228" s="192">
        <v>0.11208930714373476</v>
      </c>
      <c r="S228" s="96">
        <v>4.7865117370189302E-2</v>
      </c>
      <c r="T228" s="192">
        <v>0.8025348052208281</v>
      </c>
      <c r="U228" s="96">
        <v>5.9254438223374076E-2</v>
      </c>
      <c r="V228" s="192">
        <v>0</v>
      </c>
      <c r="W228" s="96">
        <v>1.5205928559628042E-2</v>
      </c>
      <c r="X228" s="194">
        <v>180</v>
      </c>
      <c r="Y228" s="185">
        <v>5.7543231402019268</v>
      </c>
      <c r="Z228" s="186">
        <v>0.22528137619866154</v>
      </c>
      <c r="AA228" s="192">
        <v>0.10160117619446135</v>
      </c>
      <c r="AB228" s="96">
        <v>4.6181190198241302E-2</v>
      </c>
      <c r="AC228" s="192">
        <v>9.3021467377923481E-2</v>
      </c>
      <c r="AD228" s="96">
        <v>4.4597613728484996E-2</v>
      </c>
      <c r="AE228" s="192">
        <v>0.80537735642761543</v>
      </c>
      <c r="AF228" s="96">
        <v>5.911579981213165E-2</v>
      </c>
      <c r="AG228" s="192">
        <v>0</v>
      </c>
      <c r="AH228" s="96">
        <v>1.5288115424973357E-2</v>
      </c>
    </row>
    <row r="229" spans="1:34">
      <c r="A229" s="56" t="s">
        <v>360</v>
      </c>
      <c r="B229" s="193">
        <v>103</v>
      </c>
      <c r="C229" s="183">
        <v>5.9175285645779292</v>
      </c>
      <c r="D229" s="84">
        <v>0.22396909486422395</v>
      </c>
      <c r="E229" s="190">
        <v>6.0016235090171115E-2</v>
      </c>
      <c r="F229" s="93">
        <v>5.1380002072819203E-2</v>
      </c>
      <c r="G229" s="190">
        <v>5.1537338995940922E-2</v>
      </c>
      <c r="H229" s="93">
        <v>4.8774550716110525E-2</v>
      </c>
      <c r="I229" s="190">
        <v>0.88004627550830639</v>
      </c>
      <c r="J229" s="93">
        <v>6.5897646878522273E-2</v>
      </c>
      <c r="K229" s="190">
        <v>8.4001504055817404E-3</v>
      </c>
      <c r="L229" s="93">
        <v>3.1212667487391682E-2</v>
      </c>
      <c r="M229" s="193">
        <v>103</v>
      </c>
      <c r="N229" s="183">
        <v>5.8266576459812756</v>
      </c>
      <c r="O229" s="84">
        <v>0.24946505526154744</v>
      </c>
      <c r="P229" s="190">
        <v>7.1589068302834957E-2</v>
      </c>
      <c r="Q229" s="93">
        <v>5.4662907185790678E-2</v>
      </c>
      <c r="R229" s="190">
        <v>6.9636342972320853E-2</v>
      </c>
      <c r="S229" s="93">
        <v>5.4128949225814703E-2</v>
      </c>
      <c r="T229" s="190">
        <v>0.85877458872484425</v>
      </c>
      <c r="U229" s="93">
        <v>6.9906419417106722E-2</v>
      </c>
      <c r="V229" s="190">
        <v>0</v>
      </c>
      <c r="W229" s="93">
        <v>2.6185687246820841E-2</v>
      </c>
      <c r="X229" s="193">
        <v>101</v>
      </c>
      <c r="Y229" s="183">
        <v>5.8277930381670409</v>
      </c>
      <c r="Z229" s="84">
        <v>0.30754589511199021</v>
      </c>
      <c r="AA229" s="190">
        <v>8.2855339509917539E-2</v>
      </c>
      <c r="AB229" s="93">
        <v>5.8226382708489906E-2</v>
      </c>
      <c r="AC229" s="190">
        <v>6.6321781128727372E-2</v>
      </c>
      <c r="AD229" s="93">
        <v>5.3800307069761598E-2</v>
      </c>
      <c r="AE229" s="190">
        <v>0.85082287936135514</v>
      </c>
      <c r="AF229" s="93">
        <v>7.2011100847605328E-2</v>
      </c>
      <c r="AG229" s="190">
        <v>0</v>
      </c>
      <c r="AH229" s="93">
        <v>2.6679621084077194E-2</v>
      </c>
    </row>
    <row r="230" spans="1:34">
      <c r="A230" s="48" t="s">
        <v>370</v>
      </c>
      <c r="B230" s="194">
        <v>292</v>
      </c>
      <c r="C230" s="185">
        <v>5.5721019143445227</v>
      </c>
      <c r="D230" s="186">
        <v>0.16895989035113637</v>
      </c>
      <c r="E230" s="192">
        <v>0.11022834985765614</v>
      </c>
      <c r="F230" s="96">
        <v>3.7154955995383751E-2</v>
      </c>
      <c r="G230" s="192">
        <v>0.100814504264852</v>
      </c>
      <c r="H230" s="96">
        <v>3.5816456245324563E-2</v>
      </c>
      <c r="I230" s="192">
        <v>0.78378292765759627</v>
      </c>
      <c r="J230" s="96">
        <v>4.8159238159791513E-2</v>
      </c>
      <c r="K230" s="192">
        <v>5.1742182198949351E-3</v>
      </c>
      <c r="L230" s="96">
        <v>1.2585045033134184E-2</v>
      </c>
      <c r="M230" s="194">
        <v>292</v>
      </c>
      <c r="N230" s="185">
        <v>5.3132481200261523</v>
      </c>
      <c r="O230" s="186">
        <v>0.1811854561967752</v>
      </c>
      <c r="P230" s="192">
        <v>0.1314970548223503</v>
      </c>
      <c r="Q230" s="96">
        <v>3.9907138961464285E-2</v>
      </c>
      <c r="R230" s="192">
        <v>0.16506596063472859</v>
      </c>
      <c r="S230" s="96">
        <v>4.3624722902206578E-2</v>
      </c>
      <c r="T230" s="192">
        <v>0.70343698454292036</v>
      </c>
      <c r="U230" s="96">
        <v>5.3236391795035504E-2</v>
      </c>
      <c r="V230" s="192">
        <v>0</v>
      </c>
      <c r="W230" s="96">
        <v>9.5231602429016963E-3</v>
      </c>
      <c r="X230" s="194">
        <v>292</v>
      </c>
      <c r="Y230" s="185">
        <v>5.5091323339559475</v>
      </c>
      <c r="Z230" s="186">
        <v>0.19741995243572558</v>
      </c>
      <c r="AA230" s="192">
        <v>0.16780760592979227</v>
      </c>
      <c r="AB230" s="96">
        <v>4.3899538590533652E-2</v>
      </c>
      <c r="AC230" s="192">
        <v>7.7922410669557782E-2</v>
      </c>
      <c r="AD230" s="96">
        <v>3.2180409292765576E-2</v>
      </c>
      <c r="AE230" s="192">
        <v>0.74842322247884274</v>
      </c>
      <c r="AF230" s="96">
        <v>5.0663513870540244E-2</v>
      </c>
      <c r="AG230" s="192">
        <v>5.8467609218065151E-3</v>
      </c>
      <c r="AH230" s="96">
        <v>1.2927889457109407E-2</v>
      </c>
    </row>
    <row r="231" spans="1:34">
      <c r="A231" s="56" t="s">
        <v>361</v>
      </c>
      <c r="B231" s="193">
        <v>126</v>
      </c>
      <c r="C231" s="183">
        <v>5.5202075738657239</v>
      </c>
      <c r="D231" s="84">
        <v>0.27358588909093501</v>
      </c>
      <c r="E231" s="190">
        <v>0.13425812778447385</v>
      </c>
      <c r="F231" s="93">
        <v>6.1852942738047458E-2</v>
      </c>
      <c r="G231" s="190">
        <v>0.10797700006817575</v>
      </c>
      <c r="H231" s="93">
        <v>5.7010073492289086E-2</v>
      </c>
      <c r="I231" s="190">
        <v>0.74544737094423108</v>
      </c>
      <c r="J231" s="93">
        <v>7.7142405856218343E-2</v>
      </c>
      <c r="K231" s="190">
        <v>1.2317501203118912E-2</v>
      </c>
      <c r="L231" s="93">
        <v>2.859616104018229E-2</v>
      </c>
      <c r="M231" s="193">
        <v>126</v>
      </c>
      <c r="N231" s="183">
        <v>5.20873310076139</v>
      </c>
      <c r="O231" s="84">
        <v>0.28980129420597284</v>
      </c>
      <c r="P231" s="190">
        <v>0.16105625005795907</v>
      </c>
      <c r="Q231" s="93">
        <v>6.6118328505027898E-2</v>
      </c>
      <c r="R231" s="190">
        <v>0.1717734636657984</v>
      </c>
      <c r="S231" s="93">
        <v>6.7663203846673028E-2</v>
      </c>
      <c r="T231" s="190">
        <v>0.66717028627624198</v>
      </c>
      <c r="U231" s="93">
        <v>8.2973097716414285E-2</v>
      </c>
      <c r="V231" s="190">
        <v>0</v>
      </c>
      <c r="W231" s="93">
        <v>2.158912047524995E-2</v>
      </c>
      <c r="X231" s="193">
        <v>126</v>
      </c>
      <c r="Y231" s="183">
        <v>5.2773319990218246</v>
      </c>
      <c r="Z231" s="84">
        <v>0.33172767688708632</v>
      </c>
      <c r="AA231" s="190">
        <v>0.23939488703298306</v>
      </c>
      <c r="AB231" s="93">
        <v>7.5691695102819354E-2</v>
      </c>
      <c r="AC231" s="190">
        <v>5.8966282878748243E-2</v>
      </c>
      <c r="AD231" s="93">
        <v>4.5497252614497566E-2</v>
      </c>
      <c r="AE231" s="190">
        <v>0.68762627995641667</v>
      </c>
      <c r="AF231" s="93">
        <v>8.16991529699925E-2</v>
      </c>
      <c r="AG231" s="190">
        <v>1.4012550131851598E-2</v>
      </c>
      <c r="AH231" s="93">
        <v>2.94184559470731E-2</v>
      </c>
    </row>
    <row r="232" spans="1:34">
      <c r="A232" s="48" t="s">
        <v>375</v>
      </c>
      <c r="B232" s="194">
        <v>112</v>
      </c>
      <c r="C232" s="185">
        <v>5.6153513371476196</v>
      </c>
      <c r="D232" s="186">
        <v>0.24412004136202045</v>
      </c>
      <c r="E232" s="192">
        <v>7.4377893409751927E-2</v>
      </c>
      <c r="F232" s="96">
        <v>5.2890195505864032E-2</v>
      </c>
      <c r="G232" s="192">
        <v>0.11004062127207602</v>
      </c>
      <c r="H232" s="96">
        <v>6.1093014057800231E-2</v>
      </c>
      <c r="I232" s="192">
        <v>0.81558148531817221</v>
      </c>
      <c r="J232" s="96">
        <v>7.3615566402591828E-2</v>
      </c>
      <c r="K232" s="192">
        <v>0</v>
      </c>
      <c r="L232" s="96">
        <v>2.4171880321350918E-2</v>
      </c>
      <c r="M232" s="194">
        <v>112</v>
      </c>
      <c r="N232" s="185">
        <v>5.3738937656721557</v>
      </c>
      <c r="O232" s="186">
        <v>0.28235007581956717</v>
      </c>
      <c r="P232" s="192">
        <v>0.10777342178368386</v>
      </c>
      <c r="Q232" s="96">
        <v>6.0624666618435415E-2</v>
      </c>
      <c r="R232" s="192">
        <v>0.15943518614645519</v>
      </c>
      <c r="S232" s="96">
        <v>6.9944958336703514E-2</v>
      </c>
      <c r="T232" s="192">
        <v>0.73279139206986099</v>
      </c>
      <c r="U232" s="96">
        <v>8.2937678751265315E-2</v>
      </c>
      <c r="V232" s="192">
        <v>0</v>
      </c>
      <c r="W232" s="96">
        <v>2.4171880321350918E-2</v>
      </c>
      <c r="X232" s="194">
        <v>112</v>
      </c>
      <c r="Y232" s="185">
        <v>5.7957169876027503</v>
      </c>
      <c r="Z232" s="186">
        <v>0.2650989956176325</v>
      </c>
      <c r="AA232" s="192">
        <v>0.11527558309888784</v>
      </c>
      <c r="AB232" s="96">
        <v>6.2150793090483734E-2</v>
      </c>
      <c r="AC232" s="192">
        <v>5.2583998021856738E-2</v>
      </c>
      <c r="AD232" s="96">
        <v>4.6751907715068451E-2</v>
      </c>
      <c r="AE232" s="192">
        <v>0.83214041887925561</v>
      </c>
      <c r="AF232" s="96">
        <v>7.1235320323403267E-2</v>
      </c>
      <c r="AG232" s="192">
        <v>0</v>
      </c>
      <c r="AH232" s="96">
        <v>2.4171880321350918E-2</v>
      </c>
    </row>
    <row r="233" spans="1:34">
      <c r="A233" s="56" t="s">
        <v>358</v>
      </c>
      <c r="B233" s="193">
        <v>98</v>
      </c>
      <c r="C233" s="183">
        <v>5.5402141359446997</v>
      </c>
      <c r="D233" s="84">
        <v>0.31165762363290972</v>
      </c>
      <c r="E233" s="190">
        <v>0.13981222500165405</v>
      </c>
      <c r="F233" s="93">
        <v>7.1466587071353713E-2</v>
      </c>
      <c r="G233" s="190">
        <v>6.4031033903500484E-2</v>
      </c>
      <c r="H233" s="93">
        <v>5.4068267329888446E-2</v>
      </c>
      <c r="I233" s="190">
        <v>0.78460158020050452</v>
      </c>
      <c r="J233" s="93">
        <v>8.2896146941918936E-2</v>
      </c>
      <c r="K233" s="190">
        <v>1.1555160894340581E-2</v>
      </c>
      <c r="L233" s="93">
        <v>3.4166125258571468E-2</v>
      </c>
      <c r="M233" s="193">
        <v>97</v>
      </c>
      <c r="N233" s="183">
        <v>5.4228068289215647</v>
      </c>
      <c r="O233" s="84">
        <v>0.32513181087744158</v>
      </c>
      <c r="P233" s="190">
        <v>0.1079426198489271</v>
      </c>
      <c r="Q233" s="93">
        <v>6.5468575068246493E-2</v>
      </c>
      <c r="R233" s="190">
        <v>0.18658790460743674</v>
      </c>
      <c r="S233" s="93">
        <v>7.9453369953185651E-2</v>
      </c>
      <c r="T233" s="190">
        <v>0.69390595554961232</v>
      </c>
      <c r="U233" s="93">
        <v>9.2344530586999513E-2</v>
      </c>
      <c r="V233" s="190">
        <v>1.156351999402336E-2</v>
      </c>
      <c r="W233" s="93">
        <v>3.4441664290272817E-2</v>
      </c>
      <c r="X233" s="193">
        <v>98</v>
      </c>
      <c r="Y233" s="183">
        <v>5.2938963032562532</v>
      </c>
      <c r="Z233" s="84">
        <v>0.36449395563678727</v>
      </c>
      <c r="AA233" s="190">
        <v>0.14706012262680404</v>
      </c>
      <c r="AB233" s="93">
        <v>7.2763867844693686E-2</v>
      </c>
      <c r="AC233" s="190">
        <v>0.15674684749356574</v>
      </c>
      <c r="AD233" s="93">
        <v>7.4422502243523619E-2</v>
      </c>
      <c r="AE233" s="190">
        <v>0.6957735004218033</v>
      </c>
      <c r="AF233" s="93">
        <v>9.174129313002341E-2</v>
      </c>
      <c r="AG233" s="190">
        <v>4.1952945782647668E-4</v>
      </c>
      <c r="AH233" s="93">
        <v>2.7731544664589197E-2</v>
      </c>
    </row>
  </sheetData>
  <mergeCells count="27">
    <mergeCell ref="A3:D3"/>
    <mergeCell ref="A4:D4"/>
    <mergeCell ref="A5:D5"/>
    <mergeCell ref="I34:O34"/>
    <mergeCell ref="A33:V33"/>
    <mergeCell ref="A32:V32"/>
    <mergeCell ref="A91:V91"/>
    <mergeCell ref="A90:V90"/>
    <mergeCell ref="B34:H34"/>
    <mergeCell ref="A61:D61"/>
    <mergeCell ref="A62:D62"/>
    <mergeCell ref="A63:D63"/>
    <mergeCell ref="X208:AH208"/>
    <mergeCell ref="P92:V92"/>
    <mergeCell ref="A177:D177"/>
    <mergeCell ref="A178:D178"/>
    <mergeCell ref="A179:D179"/>
    <mergeCell ref="B208:L208"/>
    <mergeCell ref="M208:W208"/>
    <mergeCell ref="A207:AH207"/>
    <mergeCell ref="A206:AH206"/>
    <mergeCell ref="B92:H92"/>
    <mergeCell ref="I92:O92"/>
    <mergeCell ref="A149:J149"/>
    <mergeCell ref="A148:J148"/>
    <mergeCell ref="A121:L121"/>
    <mergeCell ref="A120:L120"/>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D436"/>
  <sheetViews>
    <sheetView zoomScaleNormal="100" workbookViewId="0"/>
  </sheetViews>
  <sheetFormatPr defaultColWidth="17.5703125" defaultRowHeight="15"/>
  <cols>
    <col min="1" max="1" width="56.7109375" customWidth="1"/>
  </cols>
  <sheetData>
    <row r="1" spans="1:4" ht="31.5">
      <c r="A1" s="32" t="s">
        <v>47</v>
      </c>
    </row>
    <row r="3" spans="1:4" ht="18.75">
      <c r="A3" s="340" t="s">
        <v>421</v>
      </c>
      <c r="B3" s="340"/>
      <c r="C3" s="340"/>
      <c r="D3" s="340"/>
    </row>
    <row r="4" spans="1:4" ht="123" customHeight="1">
      <c r="A4" s="394" t="s">
        <v>429</v>
      </c>
      <c r="B4" s="394"/>
      <c r="C4" s="394"/>
      <c r="D4" s="394"/>
    </row>
    <row r="5" spans="1:4" ht="37.5" customHeight="1">
      <c r="A5" s="404" t="s">
        <v>422</v>
      </c>
      <c r="B5" s="346"/>
      <c r="C5" s="346"/>
      <c r="D5" s="346"/>
    </row>
    <row r="6" spans="1:4" ht="72">
      <c r="A6" s="36" t="s">
        <v>70</v>
      </c>
      <c r="B6" s="37" t="s">
        <v>71</v>
      </c>
      <c r="C6" s="38" t="s">
        <v>594</v>
      </c>
      <c r="D6" s="39" t="s">
        <v>72</v>
      </c>
    </row>
    <row r="7" spans="1:4" ht="72">
      <c r="A7" s="40"/>
      <c r="B7" s="41" t="s">
        <v>73</v>
      </c>
      <c r="C7" s="127" t="s">
        <v>304</v>
      </c>
      <c r="D7" s="43" t="s">
        <v>75</v>
      </c>
    </row>
    <row r="8" spans="1:4">
      <c r="A8" s="44" t="s">
        <v>349</v>
      </c>
      <c r="B8" s="165">
        <v>11350</v>
      </c>
      <c r="C8" s="166">
        <v>5.0012250453152456</v>
      </c>
      <c r="D8" s="85">
        <v>2.6654095715108173E-2</v>
      </c>
    </row>
    <row r="9" spans="1:4">
      <c r="A9" s="48" t="s">
        <v>350</v>
      </c>
      <c r="B9" s="48">
        <v>8248</v>
      </c>
      <c r="C9" s="168">
        <v>4.6646435909456647</v>
      </c>
      <c r="D9" s="86">
        <v>3.1743325340428702E-2</v>
      </c>
    </row>
    <row r="10" spans="1:4">
      <c r="A10" s="44" t="s">
        <v>351</v>
      </c>
      <c r="B10" s="52">
        <v>3102</v>
      </c>
      <c r="C10" s="166">
        <v>5.2648196685549573</v>
      </c>
      <c r="D10" s="85">
        <v>4.3328721073501671E-2</v>
      </c>
    </row>
    <row r="11" spans="1:4">
      <c r="A11" s="48" t="s">
        <v>558</v>
      </c>
      <c r="B11" s="48">
        <v>270</v>
      </c>
      <c r="C11" s="168">
        <v>4.8658322329064534</v>
      </c>
      <c r="D11" s="86">
        <v>0.15388609979755835</v>
      </c>
    </row>
    <row r="12" spans="1:4">
      <c r="A12" s="44" t="s">
        <v>559</v>
      </c>
      <c r="B12" s="52">
        <v>2999</v>
      </c>
      <c r="C12" s="166">
        <v>4.9827214835430782</v>
      </c>
      <c r="D12" s="85">
        <v>5.35683511224051E-2</v>
      </c>
    </row>
    <row r="13" spans="1:4">
      <c r="A13" s="48" t="s">
        <v>560</v>
      </c>
      <c r="B13" s="48">
        <v>2444</v>
      </c>
      <c r="C13" s="168">
        <v>4.5832776738579035</v>
      </c>
      <c r="D13" s="86">
        <v>5.8993872459154786E-2</v>
      </c>
    </row>
    <row r="14" spans="1:4">
      <c r="A14" s="44" t="s">
        <v>368</v>
      </c>
      <c r="B14" s="52">
        <v>125</v>
      </c>
      <c r="C14" s="166">
        <v>5.0691639085449012</v>
      </c>
      <c r="D14" s="85">
        <v>0.22545469743065544</v>
      </c>
    </row>
    <row r="15" spans="1:4">
      <c r="A15" s="48" t="s">
        <v>150</v>
      </c>
      <c r="B15" s="48">
        <v>225</v>
      </c>
      <c r="C15" s="168">
        <v>4.5539100258770544</v>
      </c>
      <c r="D15" s="86">
        <v>0.2013440566680714</v>
      </c>
    </row>
    <row r="16" spans="1:4">
      <c r="A16" s="44" t="s">
        <v>352</v>
      </c>
      <c r="B16" s="52">
        <v>92</v>
      </c>
      <c r="C16" s="166">
        <v>4.0628439582558311</v>
      </c>
      <c r="D16" s="85">
        <v>0.31458711246731336</v>
      </c>
    </row>
    <row r="17" spans="1:56">
      <c r="A17" s="48" t="s">
        <v>353</v>
      </c>
      <c r="B17" s="48">
        <v>105</v>
      </c>
      <c r="C17" s="168">
        <v>4.5616215269428571</v>
      </c>
      <c r="D17" s="86">
        <v>0.27544456249588045</v>
      </c>
    </row>
    <row r="18" spans="1:56">
      <c r="A18" s="44" t="s">
        <v>369</v>
      </c>
      <c r="B18" s="165">
        <v>372</v>
      </c>
      <c r="C18" s="166">
        <v>4.2976253272111125</v>
      </c>
      <c r="D18" s="85">
        <v>0.14543610450477615</v>
      </c>
    </row>
    <row r="19" spans="1:56">
      <c r="A19" s="48" t="s">
        <v>354</v>
      </c>
      <c r="B19" s="167">
        <v>63</v>
      </c>
      <c r="C19" s="168">
        <v>3.6056653746015921</v>
      </c>
      <c r="D19" s="86">
        <v>0.34198812455947253</v>
      </c>
    </row>
    <row r="20" spans="1:56">
      <c r="A20" s="44" t="s">
        <v>355</v>
      </c>
      <c r="B20" s="82">
        <v>70</v>
      </c>
      <c r="C20" s="166">
        <v>4.2889713609363538</v>
      </c>
      <c r="D20" s="85">
        <v>0.33644460318824071</v>
      </c>
    </row>
    <row r="21" spans="1:56">
      <c r="A21" s="48" t="s">
        <v>356</v>
      </c>
      <c r="B21" s="167">
        <v>58</v>
      </c>
      <c r="C21" s="168">
        <v>4.252228845223966</v>
      </c>
      <c r="D21" s="86">
        <v>0.31113585965912349</v>
      </c>
    </row>
    <row r="22" spans="1:56">
      <c r="A22" s="56" t="s">
        <v>357</v>
      </c>
      <c r="B22" s="165">
        <v>49</v>
      </c>
      <c r="C22" s="166">
        <v>3.9873406615827434</v>
      </c>
      <c r="D22" s="85">
        <v>0.26841603280479848</v>
      </c>
    </row>
    <row r="23" spans="1:56">
      <c r="A23" s="48" t="s">
        <v>358</v>
      </c>
      <c r="B23" s="167">
        <v>75</v>
      </c>
      <c r="C23" s="168">
        <v>3.7045606361978516</v>
      </c>
      <c r="D23" s="86">
        <v>0.33233677264252665</v>
      </c>
    </row>
    <row r="24" spans="1:56">
      <c r="A24" s="56" t="s">
        <v>359</v>
      </c>
      <c r="B24" s="165">
        <v>98</v>
      </c>
      <c r="C24" s="166">
        <v>4.8658873882285487</v>
      </c>
      <c r="D24" s="85">
        <v>0.28892386540401954</v>
      </c>
    </row>
    <row r="25" spans="1:56">
      <c r="A25" s="48" t="s">
        <v>371</v>
      </c>
      <c r="B25" s="167">
        <v>140</v>
      </c>
      <c r="C25" s="168">
        <v>4.0993615581788578</v>
      </c>
      <c r="D25" s="86">
        <v>0.21831605101205093</v>
      </c>
    </row>
    <row r="26" spans="1:56">
      <c r="A26" s="56" t="s">
        <v>360</v>
      </c>
      <c r="B26" s="165">
        <v>80</v>
      </c>
      <c r="C26" s="166">
        <v>3.8605728212707455</v>
      </c>
      <c r="D26" s="85">
        <v>0.25126414021233828</v>
      </c>
    </row>
    <row r="27" spans="1:56">
      <c r="A27" s="48" t="s">
        <v>370</v>
      </c>
      <c r="B27" s="167">
        <v>224</v>
      </c>
      <c r="C27" s="168">
        <v>4.3254591986714734</v>
      </c>
      <c r="D27" s="86">
        <v>0.1836571046946473</v>
      </c>
    </row>
    <row r="28" spans="1:56">
      <c r="A28" s="56" t="s">
        <v>361</v>
      </c>
      <c r="B28" s="165">
        <v>91</v>
      </c>
      <c r="C28" s="166">
        <v>4.4604449413206702</v>
      </c>
      <c r="D28" s="85">
        <v>0.26107388501825934</v>
      </c>
    </row>
    <row r="29" spans="1:56">
      <c r="A29" s="48" t="s">
        <v>375</v>
      </c>
      <c r="B29" s="167">
        <v>92</v>
      </c>
      <c r="C29" s="168">
        <v>4.4301416815585561</v>
      </c>
      <c r="D29" s="86">
        <v>0.29003323714052504</v>
      </c>
    </row>
    <row r="30" spans="1:56">
      <c r="A30" s="56" t="s">
        <v>358</v>
      </c>
      <c r="B30" s="165">
        <v>75</v>
      </c>
      <c r="C30" s="166">
        <v>3.7045606361978516</v>
      </c>
      <c r="D30" s="85">
        <v>0.33233677264252665</v>
      </c>
    </row>
    <row r="32" spans="1:56" ht="18.75">
      <c r="A32" s="340" t="s">
        <v>423</v>
      </c>
      <c r="B32" s="340"/>
      <c r="C32" s="340"/>
      <c r="D32" s="340"/>
      <c r="E32" s="340"/>
      <c r="F32" s="340"/>
      <c r="G32" s="340"/>
      <c r="H32" s="340"/>
      <c r="I32" s="340"/>
      <c r="J32" s="340"/>
      <c r="K32" s="340"/>
      <c r="L32" s="340"/>
      <c r="M32" s="340"/>
      <c r="N32" s="340"/>
      <c r="O32" s="340"/>
      <c r="P32" s="340"/>
      <c r="Q32" s="340"/>
      <c r="R32" s="340"/>
      <c r="S32" s="340"/>
      <c r="T32" s="340"/>
      <c r="U32" s="340"/>
      <c r="V32" s="340"/>
      <c r="W32" s="340"/>
      <c r="X32" s="340"/>
      <c r="Y32" s="340"/>
      <c r="Z32" s="340"/>
      <c r="AA32" s="340"/>
      <c r="AB32" s="340"/>
      <c r="AC32" s="340"/>
      <c r="AD32" s="340"/>
      <c r="AE32" s="340"/>
      <c r="AF32" s="340"/>
      <c r="AG32" s="340"/>
      <c r="AH32" s="340"/>
      <c r="AI32" s="340"/>
      <c r="AJ32" s="340"/>
      <c r="AK32" s="340"/>
      <c r="AL32" s="340"/>
      <c r="AM32" s="340"/>
      <c r="AN32" s="340"/>
      <c r="AO32" s="340"/>
      <c r="AP32" s="340"/>
      <c r="AQ32" s="340"/>
      <c r="AR32" s="340"/>
      <c r="AS32" s="340"/>
      <c r="AT32" s="340"/>
      <c r="AU32" s="340"/>
      <c r="AV32" s="340"/>
      <c r="AW32" s="340"/>
      <c r="AX32" s="340"/>
      <c r="AY32" s="340"/>
      <c r="AZ32" s="340"/>
      <c r="BA32" s="340"/>
      <c r="BB32" s="340"/>
      <c r="BC32" s="340"/>
      <c r="BD32" s="340"/>
    </row>
    <row r="33" spans="1:56" ht="69.75" customHeight="1">
      <c r="A33" s="409" t="s">
        <v>610</v>
      </c>
      <c r="B33" s="409"/>
      <c r="C33" s="409"/>
      <c r="D33" s="409"/>
      <c r="E33" s="409"/>
      <c r="F33" s="409"/>
      <c r="G33" s="409"/>
      <c r="H33" s="409"/>
      <c r="I33" s="409"/>
      <c r="J33" s="409"/>
      <c r="K33" s="409"/>
      <c r="L33" s="409"/>
      <c r="M33" s="409"/>
      <c r="N33" s="409"/>
      <c r="O33" s="409"/>
      <c r="P33" s="409"/>
      <c r="Q33" s="409"/>
      <c r="R33" s="409"/>
      <c r="S33" s="409"/>
      <c r="T33" s="409"/>
      <c r="U33" s="409"/>
      <c r="V33" s="409"/>
      <c r="W33" s="409"/>
      <c r="X33" s="409"/>
      <c r="Y33" s="409"/>
      <c r="Z33" s="409"/>
      <c r="AA33" s="409"/>
      <c r="AB33" s="409"/>
      <c r="AC33" s="409"/>
      <c r="AD33" s="409"/>
      <c r="AE33" s="409"/>
      <c r="AF33" s="409"/>
      <c r="AG33" s="409"/>
      <c r="AH33" s="409"/>
      <c r="AI33" s="409"/>
      <c r="AJ33" s="409"/>
      <c r="AK33" s="409"/>
      <c r="AL33" s="409"/>
      <c r="AM33" s="409"/>
      <c r="AN33" s="409"/>
      <c r="AO33" s="409"/>
      <c r="AP33" s="409"/>
      <c r="AQ33" s="409"/>
      <c r="AR33" s="409"/>
      <c r="AS33" s="409"/>
      <c r="AT33" s="409"/>
      <c r="AU33" s="409"/>
      <c r="AV33" s="409"/>
      <c r="AW33" s="409"/>
      <c r="AX33" s="409"/>
      <c r="AY33" s="409"/>
      <c r="AZ33" s="409"/>
      <c r="BA33" s="409"/>
      <c r="BB33" s="409"/>
      <c r="BC33" s="409"/>
      <c r="BD33" s="409"/>
    </row>
    <row r="34" spans="1:56" ht="34.5" customHeight="1">
      <c r="A34" s="63"/>
      <c r="B34" s="386" t="s">
        <v>424</v>
      </c>
      <c r="C34" s="387"/>
      <c r="D34" s="387"/>
      <c r="E34" s="387"/>
      <c r="F34" s="387"/>
      <c r="G34" s="387"/>
      <c r="H34" s="387"/>
      <c r="I34" s="387"/>
      <c r="J34" s="387"/>
      <c r="K34" s="387"/>
      <c r="L34" s="388"/>
      <c r="M34" s="405" t="s">
        <v>425</v>
      </c>
      <c r="N34" s="406"/>
      <c r="O34" s="406"/>
      <c r="P34" s="406"/>
      <c r="Q34" s="406"/>
      <c r="R34" s="406"/>
      <c r="S34" s="406"/>
      <c r="T34" s="406"/>
      <c r="U34" s="406"/>
      <c r="V34" s="406"/>
      <c r="W34" s="406"/>
      <c r="X34" s="386" t="s">
        <v>426</v>
      </c>
      <c r="Y34" s="387"/>
      <c r="Z34" s="387"/>
      <c r="AA34" s="387"/>
      <c r="AB34" s="387"/>
      <c r="AC34" s="387"/>
      <c r="AD34" s="387"/>
      <c r="AE34" s="387"/>
      <c r="AF34" s="387"/>
      <c r="AG34" s="387"/>
      <c r="AH34" s="388"/>
      <c r="AI34" s="405" t="s">
        <v>427</v>
      </c>
      <c r="AJ34" s="406"/>
      <c r="AK34" s="406"/>
      <c r="AL34" s="406"/>
      <c r="AM34" s="406"/>
      <c r="AN34" s="406"/>
      <c r="AO34" s="406"/>
      <c r="AP34" s="406"/>
      <c r="AQ34" s="406"/>
      <c r="AR34" s="406"/>
      <c r="AS34" s="406"/>
      <c r="AT34" s="386" t="s">
        <v>428</v>
      </c>
      <c r="AU34" s="387"/>
      <c r="AV34" s="387"/>
      <c r="AW34" s="387"/>
      <c r="AX34" s="387"/>
      <c r="AY34" s="387"/>
      <c r="AZ34" s="387"/>
      <c r="BA34" s="387"/>
      <c r="BB34" s="387"/>
      <c r="BC34" s="387"/>
      <c r="BD34" s="388"/>
    </row>
    <row r="35" spans="1:56" ht="49.5" customHeight="1">
      <c r="A35" s="36" t="s">
        <v>70</v>
      </c>
      <c r="B35" s="37" t="s">
        <v>71</v>
      </c>
      <c r="C35" s="38" t="s">
        <v>594</v>
      </c>
      <c r="D35" s="39" t="s">
        <v>72</v>
      </c>
      <c r="E35" s="37" t="s">
        <v>312</v>
      </c>
      <c r="F35" s="88" t="s">
        <v>142</v>
      </c>
      <c r="G35" s="37" t="s">
        <v>313</v>
      </c>
      <c r="H35" s="88" t="s">
        <v>143</v>
      </c>
      <c r="I35" s="37" t="s">
        <v>314</v>
      </c>
      <c r="J35" s="88" t="s">
        <v>116</v>
      </c>
      <c r="K35" s="37" t="s">
        <v>301</v>
      </c>
      <c r="L35" s="88" t="s">
        <v>315</v>
      </c>
      <c r="M35" s="64" t="s">
        <v>71</v>
      </c>
      <c r="N35" s="65" t="s">
        <v>594</v>
      </c>
      <c r="O35" s="66" t="s">
        <v>72</v>
      </c>
      <c r="P35" s="64" t="s">
        <v>312</v>
      </c>
      <c r="Q35" s="87" t="s">
        <v>142</v>
      </c>
      <c r="R35" s="64" t="s">
        <v>316</v>
      </c>
      <c r="S35" s="87" t="s">
        <v>317</v>
      </c>
      <c r="T35" s="64" t="s">
        <v>314</v>
      </c>
      <c r="U35" s="87" t="s">
        <v>116</v>
      </c>
      <c r="V35" s="64" t="s">
        <v>301</v>
      </c>
      <c r="W35" s="87" t="s">
        <v>315</v>
      </c>
      <c r="X35" s="37" t="s">
        <v>71</v>
      </c>
      <c r="Y35" s="38" t="s">
        <v>594</v>
      </c>
      <c r="Z35" s="39" t="s">
        <v>72</v>
      </c>
      <c r="AA35" s="37" t="s">
        <v>312</v>
      </c>
      <c r="AB35" s="88" t="s">
        <v>142</v>
      </c>
      <c r="AC35" s="37" t="s">
        <v>313</v>
      </c>
      <c r="AD35" s="88" t="s">
        <v>143</v>
      </c>
      <c r="AE35" s="37" t="s">
        <v>314</v>
      </c>
      <c r="AF35" s="88" t="s">
        <v>116</v>
      </c>
      <c r="AG35" s="37" t="s">
        <v>301</v>
      </c>
      <c r="AH35" s="88" t="s">
        <v>315</v>
      </c>
      <c r="AI35" s="64" t="s">
        <v>71</v>
      </c>
      <c r="AJ35" s="65" t="s">
        <v>594</v>
      </c>
      <c r="AK35" s="66" t="s">
        <v>72</v>
      </c>
      <c r="AL35" s="64" t="s">
        <v>312</v>
      </c>
      <c r="AM35" s="87" t="s">
        <v>142</v>
      </c>
      <c r="AN35" s="64" t="s">
        <v>316</v>
      </c>
      <c r="AO35" s="87" t="s">
        <v>317</v>
      </c>
      <c r="AP35" s="64" t="s">
        <v>314</v>
      </c>
      <c r="AQ35" s="87" t="s">
        <v>116</v>
      </c>
      <c r="AR35" s="64" t="s">
        <v>301</v>
      </c>
      <c r="AS35" s="87" t="s">
        <v>315</v>
      </c>
      <c r="AT35" s="37" t="s">
        <v>71</v>
      </c>
      <c r="AU35" s="38" t="s">
        <v>594</v>
      </c>
      <c r="AV35" s="39" t="s">
        <v>72</v>
      </c>
      <c r="AW35" s="37" t="s">
        <v>312</v>
      </c>
      <c r="AX35" s="88" t="s">
        <v>142</v>
      </c>
      <c r="AY35" s="37" t="s">
        <v>313</v>
      </c>
      <c r="AZ35" s="88" t="s">
        <v>143</v>
      </c>
      <c r="BA35" s="37" t="s">
        <v>314</v>
      </c>
      <c r="BB35" s="88" t="s">
        <v>116</v>
      </c>
      <c r="BC35" s="37" t="s">
        <v>301</v>
      </c>
      <c r="BD35" s="88" t="s">
        <v>315</v>
      </c>
    </row>
    <row r="36" spans="1:56" ht="72">
      <c r="A36" s="40"/>
      <c r="B36" s="41" t="s">
        <v>73</v>
      </c>
      <c r="C36" s="127" t="s">
        <v>304</v>
      </c>
      <c r="D36" s="43" t="s">
        <v>75</v>
      </c>
      <c r="E36" s="41" t="s">
        <v>159</v>
      </c>
      <c r="F36" s="90" t="s">
        <v>87</v>
      </c>
      <c r="G36" s="41" t="s">
        <v>160</v>
      </c>
      <c r="H36" s="90" t="s">
        <v>87</v>
      </c>
      <c r="I36" s="41" t="s">
        <v>161</v>
      </c>
      <c r="J36" s="90" t="s">
        <v>87</v>
      </c>
      <c r="K36" s="41" t="s">
        <v>301</v>
      </c>
      <c r="L36" s="90" t="s">
        <v>87</v>
      </c>
      <c r="M36" s="67" t="s">
        <v>73</v>
      </c>
      <c r="N36" s="261" t="s">
        <v>304</v>
      </c>
      <c r="O36" s="69" t="s">
        <v>75</v>
      </c>
      <c r="P36" s="67" t="s">
        <v>159</v>
      </c>
      <c r="Q36" s="89" t="s">
        <v>87</v>
      </c>
      <c r="R36" s="67" t="s">
        <v>160</v>
      </c>
      <c r="S36" s="89" t="s">
        <v>87</v>
      </c>
      <c r="T36" s="67" t="s">
        <v>161</v>
      </c>
      <c r="U36" s="89" t="s">
        <v>87</v>
      </c>
      <c r="V36" s="67" t="s">
        <v>301</v>
      </c>
      <c r="W36" s="89" t="s">
        <v>87</v>
      </c>
      <c r="X36" s="41" t="s">
        <v>73</v>
      </c>
      <c r="Y36" s="127" t="s">
        <v>304</v>
      </c>
      <c r="Z36" s="43" t="s">
        <v>75</v>
      </c>
      <c r="AA36" s="41" t="s">
        <v>159</v>
      </c>
      <c r="AB36" s="90" t="s">
        <v>87</v>
      </c>
      <c r="AC36" s="41" t="s">
        <v>160</v>
      </c>
      <c r="AD36" s="90" t="s">
        <v>87</v>
      </c>
      <c r="AE36" s="41" t="s">
        <v>161</v>
      </c>
      <c r="AF36" s="90" t="s">
        <v>87</v>
      </c>
      <c r="AG36" s="41" t="s">
        <v>301</v>
      </c>
      <c r="AH36" s="90" t="s">
        <v>87</v>
      </c>
      <c r="AI36" s="67" t="s">
        <v>73</v>
      </c>
      <c r="AJ36" s="261" t="s">
        <v>304</v>
      </c>
      <c r="AK36" s="69" t="s">
        <v>75</v>
      </c>
      <c r="AL36" s="67" t="s">
        <v>159</v>
      </c>
      <c r="AM36" s="89" t="s">
        <v>87</v>
      </c>
      <c r="AN36" s="67" t="s">
        <v>160</v>
      </c>
      <c r="AO36" s="89" t="s">
        <v>87</v>
      </c>
      <c r="AP36" s="67" t="s">
        <v>161</v>
      </c>
      <c r="AQ36" s="89" t="s">
        <v>87</v>
      </c>
      <c r="AR36" s="67" t="s">
        <v>301</v>
      </c>
      <c r="AS36" s="89" t="s">
        <v>87</v>
      </c>
      <c r="AT36" s="41" t="s">
        <v>73</v>
      </c>
      <c r="AU36" s="127" t="s">
        <v>304</v>
      </c>
      <c r="AV36" s="43" t="s">
        <v>75</v>
      </c>
      <c r="AW36" s="41" t="s">
        <v>159</v>
      </c>
      <c r="AX36" s="90" t="s">
        <v>87</v>
      </c>
      <c r="AY36" s="41" t="s">
        <v>160</v>
      </c>
      <c r="AZ36" s="90" t="s">
        <v>87</v>
      </c>
      <c r="BA36" s="41" t="s">
        <v>161</v>
      </c>
      <c r="BB36" s="90" t="s">
        <v>87</v>
      </c>
      <c r="BC36" s="41" t="s">
        <v>301</v>
      </c>
      <c r="BD36" s="90" t="s">
        <v>87</v>
      </c>
    </row>
    <row r="37" spans="1:56">
      <c r="A37" s="44" t="s">
        <v>349</v>
      </c>
      <c r="B37" s="195">
        <v>13940</v>
      </c>
      <c r="C37" s="83">
        <v>5.3923572280825276</v>
      </c>
      <c r="D37" s="84">
        <v>2.9743774228974319E-2</v>
      </c>
      <c r="E37" s="197">
        <v>0.13862554606183874</v>
      </c>
      <c r="F37" s="93">
        <v>5.8545042434810807E-3</v>
      </c>
      <c r="G37" s="197">
        <v>0.10636068005020874</v>
      </c>
      <c r="H37" s="93">
        <v>5.2240938731128147E-3</v>
      </c>
      <c r="I37" s="197">
        <v>0.74136904747388854</v>
      </c>
      <c r="J37" s="93">
        <v>7.4170571949616374E-3</v>
      </c>
      <c r="K37" s="197">
        <v>1.3644726414063765E-2</v>
      </c>
      <c r="L37" s="93">
        <v>1.974757352491056E-3</v>
      </c>
      <c r="M37" s="195">
        <v>13891</v>
      </c>
      <c r="N37" s="83">
        <v>4.4888687252785306</v>
      </c>
      <c r="O37" s="84">
        <v>3.5824400742918844E-2</v>
      </c>
      <c r="P37" s="197">
        <v>0.25315772708698303</v>
      </c>
      <c r="Q37" s="93">
        <v>7.3782104949347595E-3</v>
      </c>
      <c r="R37" s="197">
        <v>0.13848449710155714</v>
      </c>
      <c r="S37" s="93">
        <v>5.8623229416315172E-3</v>
      </c>
      <c r="T37" s="197">
        <v>0.46349818206867222</v>
      </c>
      <c r="U37" s="93">
        <v>8.46079176421171E-3</v>
      </c>
      <c r="V37" s="197">
        <v>0.14485959374280638</v>
      </c>
      <c r="W37" s="93">
        <v>5.9733821780276336E-3</v>
      </c>
      <c r="X37" s="195">
        <v>13899</v>
      </c>
      <c r="Y37" s="83">
        <v>4.6005030812762415</v>
      </c>
      <c r="Z37" s="84">
        <v>3.4101744936513793E-2</v>
      </c>
      <c r="AA37" s="197">
        <v>0.26523134780133095</v>
      </c>
      <c r="AB37" s="93">
        <v>7.4885683846324675E-3</v>
      </c>
      <c r="AC37" s="197">
        <v>0.13513539828581758</v>
      </c>
      <c r="AD37" s="93">
        <v>5.8006493954506372E-3</v>
      </c>
      <c r="AE37" s="197">
        <v>0.53565305596212776</v>
      </c>
      <c r="AF37" s="93">
        <v>8.4593980748710433E-3</v>
      </c>
      <c r="AG37" s="197">
        <v>6.3980197950739087E-2</v>
      </c>
      <c r="AH37" s="93">
        <v>4.1546771624056131E-3</v>
      </c>
      <c r="AI37" s="195">
        <v>13873</v>
      </c>
      <c r="AJ37" s="83">
        <v>5.4453897656438359</v>
      </c>
      <c r="AK37" s="84">
        <v>2.6492579756538036E-2</v>
      </c>
      <c r="AL37" s="197">
        <v>9.4930252377145641E-2</v>
      </c>
      <c r="AM37" s="93">
        <v>4.9792558899389664E-3</v>
      </c>
      <c r="AN37" s="197">
        <v>0.11528343223800952</v>
      </c>
      <c r="AO37" s="93">
        <v>5.4243697892731712E-3</v>
      </c>
      <c r="AP37" s="197">
        <v>0.67995250813807673</v>
      </c>
      <c r="AQ37" s="93">
        <v>7.9204039256124386E-3</v>
      </c>
      <c r="AR37" s="197">
        <v>0.10983380724677951</v>
      </c>
      <c r="AS37" s="93">
        <v>5.3110521555264183E-3</v>
      </c>
      <c r="AT37" s="195">
        <v>12496</v>
      </c>
      <c r="AU37" s="83">
        <v>5.1109221959418552</v>
      </c>
      <c r="AV37" s="84">
        <v>3.4400193252542538E-2</v>
      </c>
      <c r="AW37" s="197">
        <v>0.10971395465517197</v>
      </c>
      <c r="AX37" s="93">
        <v>5.5935469693539283E-3</v>
      </c>
      <c r="AY37" s="197">
        <v>0.12233961470793496</v>
      </c>
      <c r="AZ37" s="93">
        <v>5.8641664448586114E-3</v>
      </c>
      <c r="BA37" s="197">
        <v>0.52518936648083892</v>
      </c>
      <c r="BB37" s="93">
        <v>8.9329216153999393E-3</v>
      </c>
      <c r="BC37" s="197">
        <v>0.24275706415607431</v>
      </c>
      <c r="BD37" s="93">
        <v>7.6705862408790494E-3</v>
      </c>
    </row>
    <row r="38" spans="1:56">
      <c r="A38" s="48" t="s">
        <v>350</v>
      </c>
      <c r="B38" s="48">
        <v>10237</v>
      </c>
      <c r="C38" s="179">
        <v>5.09793175000154</v>
      </c>
      <c r="D38" s="131">
        <v>3.6227436418477137E-2</v>
      </c>
      <c r="E38" s="198">
        <v>0.20505237295533468</v>
      </c>
      <c r="F38" s="96">
        <v>7.980883358613914E-3</v>
      </c>
      <c r="G38" s="198">
        <v>0.10934293891190253</v>
      </c>
      <c r="H38" s="96">
        <v>6.1712771353111418E-3</v>
      </c>
      <c r="I38" s="198">
        <v>0.67649742335706919</v>
      </c>
      <c r="J38" s="96">
        <v>9.2460214665211673E-3</v>
      </c>
      <c r="K38" s="198">
        <v>9.1072647756860227E-3</v>
      </c>
      <c r="L38" s="96">
        <v>1.8969167039083483E-3</v>
      </c>
      <c r="M38" s="48">
        <v>10202</v>
      </c>
      <c r="N38" s="179">
        <v>3.9950778559713549</v>
      </c>
      <c r="O38" s="131">
        <v>4.2272162203040323E-2</v>
      </c>
      <c r="P38" s="198">
        <v>0.35080112657794904</v>
      </c>
      <c r="Q38" s="96">
        <v>9.447963688091655E-3</v>
      </c>
      <c r="R38" s="198">
        <v>0.12533013974003504</v>
      </c>
      <c r="S38" s="96">
        <v>6.5579767007389045E-3</v>
      </c>
      <c r="T38" s="198">
        <v>0.36984934619564652</v>
      </c>
      <c r="U38" s="96">
        <v>9.557607805195472E-3</v>
      </c>
      <c r="V38" s="198">
        <v>0.15401938748636876</v>
      </c>
      <c r="W38" s="96">
        <v>7.1486889222696541E-3</v>
      </c>
      <c r="X38" s="48">
        <v>10203</v>
      </c>
      <c r="Y38" s="179">
        <v>4.0246571952324945</v>
      </c>
      <c r="Z38" s="131">
        <v>4.0117288152217344E-2</v>
      </c>
      <c r="AA38" s="198">
        <v>0.39680804169681044</v>
      </c>
      <c r="AB38" s="96">
        <v>9.6851535940097652E-3</v>
      </c>
      <c r="AC38" s="198">
        <v>0.12694800785596802</v>
      </c>
      <c r="AD38" s="96">
        <v>6.5936743955059361E-3</v>
      </c>
      <c r="AE38" s="198">
        <v>0.41817946931466099</v>
      </c>
      <c r="AF38" s="96">
        <v>9.7647582304861303E-3</v>
      </c>
      <c r="AG38" s="198">
        <v>5.8064481132560769E-2</v>
      </c>
      <c r="AH38" s="96">
        <v>4.6361085122541583E-3</v>
      </c>
      <c r="AI38" s="48">
        <v>10195</v>
      </c>
      <c r="AJ38" s="179">
        <v>5.42475305301285</v>
      </c>
      <c r="AK38" s="131">
        <v>3.1646890455128363E-2</v>
      </c>
      <c r="AL38" s="198">
        <v>0.100853439818381</v>
      </c>
      <c r="AM38" s="96">
        <v>5.9677522300923876E-3</v>
      </c>
      <c r="AN38" s="198">
        <v>0.10833693314830201</v>
      </c>
      <c r="AO38" s="96">
        <v>6.1589987496151501E-3</v>
      </c>
      <c r="AP38" s="198">
        <v>0.66639303561309138</v>
      </c>
      <c r="AQ38" s="96">
        <v>9.3380283067416199E-3</v>
      </c>
      <c r="AR38" s="198">
        <v>0.12441659142021783</v>
      </c>
      <c r="AS38" s="96">
        <v>6.5397254220062326E-3</v>
      </c>
      <c r="AT38" s="48">
        <v>8834</v>
      </c>
      <c r="AU38" s="179">
        <v>4.9025365079343191</v>
      </c>
      <c r="AV38" s="131">
        <v>4.3705890939296527E-2</v>
      </c>
      <c r="AW38" s="198">
        <v>0.1377063033555474</v>
      </c>
      <c r="AX38" s="96">
        <v>7.3345694733621793E-3</v>
      </c>
      <c r="AY38" s="198">
        <v>0.11459535486474738</v>
      </c>
      <c r="AZ38" s="96">
        <v>6.7810179895330253E-3</v>
      </c>
      <c r="BA38" s="198">
        <v>0.45164065069923159</v>
      </c>
      <c r="BB38" s="96">
        <v>1.0587270057826835E-2</v>
      </c>
      <c r="BC38" s="198">
        <v>0.29605769108047647</v>
      </c>
      <c r="BD38" s="96">
        <v>9.712900063322925E-3</v>
      </c>
    </row>
    <row r="39" spans="1:56">
      <c r="A39" s="44" t="s">
        <v>351</v>
      </c>
      <c r="B39" s="52">
        <v>3703</v>
      </c>
      <c r="C39" s="83">
        <v>5.6346068862803182</v>
      </c>
      <c r="D39" s="84">
        <v>4.5919245388859074E-2</v>
      </c>
      <c r="E39" s="197">
        <v>8.4424856767128811E-2</v>
      </c>
      <c r="F39" s="93">
        <v>9.1547146304464099E-3</v>
      </c>
      <c r="G39" s="197">
        <v>0.10392731850761371</v>
      </c>
      <c r="H39" s="93">
        <v>1.0042520548455001E-2</v>
      </c>
      <c r="I39" s="197">
        <v>0.79430077562095602</v>
      </c>
      <c r="J39" s="93">
        <v>1.3285431587012137E-2</v>
      </c>
      <c r="K39" s="197">
        <v>1.734704910430206E-2</v>
      </c>
      <c r="L39" s="93">
        <v>4.3515083861591095E-3</v>
      </c>
      <c r="M39" s="52">
        <v>3689</v>
      </c>
      <c r="N39" s="83">
        <v>4.8840167198156124</v>
      </c>
      <c r="O39" s="84">
        <v>5.8626969043232585E-2</v>
      </c>
      <c r="P39" s="197">
        <v>0.17348384769875286</v>
      </c>
      <c r="Q39" s="93">
        <v>1.2472250413822907E-2</v>
      </c>
      <c r="R39" s="197">
        <v>0.14921803042090873</v>
      </c>
      <c r="S39" s="93">
        <v>1.1738573934670695E-2</v>
      </c>
      <c r="T39" s="197">
        <v>0.53991262578008392</v>
      </c>
      <c r="U39" s="93">
        <v>1.6403074458564502E-2</v>
      </c>
      <c r="V39" s="197">
        <v>0.13738549610025569</v>
      </c>
      <c r="W39" s="93">
        <v>1.1343319567714845E-2</v>
      </c>
      <c r="X39" s="52">
        <v>3696</v>
      </c>
      <c r="Y39" s="83">
        <v>5.0755890139435946</v>
      </c>
      <c r="Z39" s="84">
        <v>5.473836417165108E-2</v>
      </c>
      <c r="AA39" s="197">
        <v>0.15791539994932807</v>
      </c>
      <c r="AB39" s="93">
        <v>1.2001396761399264E-2</v>
      </c>
      <c r="AC39" s="197">
        <v>0.14181315814130563</v>
      </c>
      <c r="AD39" s="93">
        <v>1.1483451644735765E-2</v>
      </c>
      <c r="AE39" s="197">
        <v>0.63146629556715328</v>
      </c>
      <c r="AF39" s="93">
        <v>1.5862720615133673E-2</v>
      </c>
      <c r="AG39" s="197">
        <v>6.880514634221338E-2</v>
      </c>
      <c r="AH39" s="93">
        <v>8.3486713317167185E-3</v>
      </c>
      <c r="AI39" s="52">
        <v>3678</v>
      </c>
      <c r="AJ39" s="83">
        <v>5.4617472035240109</v>
      </c>
      <c r="AK39" s="84">
        <v>4.792711184259766E-2</v>
      </c>
      <c r="AL39" s="197">
        <v>9.0093261629132768E-2</v>
      </c>
      <c r="AM39" s="93">
        <v>9.4579510640699672E-3</v>
      </c>
      <c r="AN39" s="197">
        <v>0.12095607929861668</v>
      </c>
      <c r="AO39" s="93">
        <v>1.0763251619439602E-2</v>
      </c>
      <c r="AP39" s="197">
        <v>0.69102543868465216</v>
      </c>
      <c r="AQ39" s="93">
        <v>1.5232706003077566E-2</v>
      </c>
      <c r="AR39" s="197">
        <v>9.7925220387598488E-2</v>
      </c>
      <c r="AS39" s="93">
        <v>9.8156242146173727E-3</v>
      </c>
      <c r="AT39" s="52">
        <v>3662</v>
      </c>
      <c r="AU39" s="83">
        <v>5.2576190783384709</v>
      </c>
      <c r="AV39" s="84">
        <v>5.227008865809326E-2</v>
      </c>
      <c r="AW39" s="197">
        <v>8.73226548364118E-2</v>
      </c>
      <c r="AX39" s="93">
        <v>9.3468557777914296E-3</v>
      </c>
      <c r="AY39" s="197">
        <v>0.12853430904670382</v>
      </c>
      <c r="AZ39" s="93">
        <v>1.107008831767956E-2</v>
      </c>
      <c r="BA39" s="197">
        <v>0.58402156252046245</v>
      </c>
      <c r="BB39" s="93">
        <v>1.6281611134885458E-2</v>
      </c>
      <c r="BC39" s="197">
        <v>0.20012147359642266</v>
      </c>
      <c r="BD39" s="93">
        <v>1.3223868824163425E-2</v>
      </c>
    </row>
    <row r="40" spans="1:56">
      <c r="A40" s="48" t="s">
        <v>558</v>
      </c>
      <c r="B40" s="48">
        <v>334</v>
      </c>
      <c r="C40" s="179">
        <v>5.2675828241911757</v>
      </c>
      <c r="D40" s="131">
        <v>0.17009728035295008</v>
      </c>
      <c r="E40" s="198">
        <v>0.12942054105319131</v>
      </c>
      <c r="F40" s="96">
        <v>3.7035410089937854E-2</v>
      </c>
      <c r="G40" s="198">
        <v>0.130187170458433</v>
      </c>
      <c r="H40" s="96">
        <v>3.7123857425105267E-2</v>
      </c>
      <c r="I40" s="198">
        <v>0.73754722976408926</v>
      </c>
      <c r="J40" s="96">
        <v>4.8026003920295497E-2</v>
      </c>
      <c r="K40" s="198">
        <v>2.8450587242871751E-3</v>
      </c>
      <c r="L40" s="96">
        <v>1.0119032149183096E-2</v>
      </c>
      <c r="M40" s="48">
        <v>331</v>
      </c>
      <c r="N40" s="179">
        <v>4.2828879810368417</v>
      </c>
      <c r="O40" s="131">
        <v>0.20359100181148526</v>
      </c>
      <c r="P40" s="198">
        <v>0.2813295429752718</v>
      </c>
      <c r="Q40" s="96">
        <v>4.9271505729785212E-2</v>
      </c>
      <c r="R40" s="198">
        <v>0.17344222115933433</v>
      </c>
      <c r="S40" s="96">
        <v>4.1737121856362656E-2</v>
      </c>
      <c r="T40" s="198">
        <v>0.39440349559364812</v>
      </c>
      <c r="U40" s="96">
        <v>5.3433074000330483E-2</v>
      </c>
      <c r="V40" s="198">
        <v>0.15082474027174653</v>
      </c>
      <c r="W40" s="96">
        <v>3.9545304903261462E-2</v>
      </c>
      <c r="X40" s="48">
        <v>334</v>
      </c>
      <c r="Y40" s="179">
        <v>4.4621139048560519</v>
      </c>
      <c r="Z40" s="131">
        <v>0.19504120570955844</v>
      </c>
      <c r="AA40" s="198">
        <v>0.24670307652838161</v>
      </c>
      <c r="AB40" s="96">
        <v>4.7086757021082552E-2</v>
      </c>
      <c r="AC40" s="198">
        <v>0.18758092205551688</v>
      </c>
      <c r="AD40" s="96">
        <v>4.2786222906668926E-2</v>
      </c>
      <c r="AE40" s="198">
        <v>0.48210788868301913</v>
      </c>
      <c r="AF40" s="96">
        <v>5.4358812778389533E-2</v>
      </c>
      <c r="AG40" s="198">
        <v>8.3608112733082982E-2</v>
      </c>
      <c r="AH40" s="96">
        <v>3.0903023472131912E-2</v>
      </c>
      <c r="AI40" s="48">
        <v>332</v>
      </c>
      <c r="AJ40" s="179">
        <v>5.3268547072843564</v>
      </c>
      <c r="AK40" s="131">
        <v>0.1570863408389378</v>
      </c>
      <c r="AL40" s="198">
        <v>9.7101067386839476E-2</v>
      </c>
      <c r="AM40" s="96">
        <v>3.3006923184014526E-2</v>
      </c>
      <c r="AN40" s="198">
        <v>0.14530203716080245</v>
      </c>
      <c r="AO40" s="96">
        <v>3.8908778602248471E-2</v>
      </c>
      <c r="AP40" s="198">
        <v>0.63428892005084225</v>
      </c>
      <c r="AQ40" s="96">
        <v>5.2598354532875813E-2</v>
      </c>
      <c r="AR40" s="198">
        <v>0.12330797540151668</v>
      </c>
      <c r="AS40" s="96">
        <v>3.642695000463169E-2</v>
      </c>
      <c r="AT40" s="48">
        <v>332</v>
      </c>
      <c r="AU40" s="179">
        <v>4.9908833480068644</v>
      </c>
      <c r="AV40" s="131">
        <v>0.20045743953959602</v>
      </c>
      <c r="AW40" s="198">
        <v>0.12246745082585915</v>
      </c>
      <c r="AX40" s="96">
        <v>3.6325670684150928E-2</v>
      </c>
      <c r="AY40" s="198">
        <v>0.12560427413047695</v>
      </c>
      <c r="AZ40" s="96">
        <v>3.6701078087186118E-2</v>
      </c>
      <c r="BA40" s="198">
        <v>0.45315191666051213</v>
      </c>
      <c r="BB40" s="96">
        <v>5.4320170969022072E-2</v>
      </c>
      <c r="BC40" s="198">
        <v>0.29877635838315231</v>
      </c>
      <c r="BD40" s="96">
        <v>5.0055609298988432E-2</v>
      </c>
    </row>
    <row r="41" spans="1:56">
      <c r="A41" s="44" t="s">
        <v>559</v>
      </c>
      <c r="B41" s="52">
        <v>3622</v>
      </c>
      <c r="C41" s="83">
        <v>5.3231399063214973</v>
      </c>
      <c r="D41" s="84">
        <v>6.1237904159176786E-2</v>
      </c>
      <c r="E41" s="197">
        <v>0.1551149029944231</v>
      </c>
      <c r="F41" s="93">
        <v>1.203582415278545E-2</v>
      </c>
      <c r="G41" s="197">
        <v>0.11333339790718591</v>
      </c>
      <c r="H41" s="93">
        <v>1.0545968575950335E-2</v>
      </c>
      <c r="I41" s="197">
        <v>0.72036712057481567</v>
      </c>
      <c r="J41" s="93">
        <v>1.4910855316919021E-2</v>
      </c>
      <c r="K41" s="197">
        <v>1.1184578523582844E-2</v>
      </c>
      <c r="L41" s="93">
        <v>3.5751123131104547E-3</v>
      </c>
      <c r="M41" s="52">
        <v>3611</v>
      </c>
      <c r="N41" s="83">
        <v>4.4950812860292695</v>
      </c>
      <c r="O41" s="84">
        <v>7.1181516568972883E-2</v>
      </c>
      <c r="P41" s="197">
        <v>0.26385174827901475</v>
      </c>
      <c r="Q41" s="93">
        <v>1.4664806061803839E-2</v>
      </c>
      <c r="R41" s="197">
        <v>0.13725155729724711</v>
      </c>
      <c r="S41" s="93">
        <v>1.1460660099760468E-2</v>
      </c>
      <c r="T41" s="197">
        <v>0.46647080898497406</v>
      </c>
      <c r="U41" s="93">
        <v>1.659469760986167E-2</v>
      </c>
      <c r="V41" s="197">
        <v>0.13242588543877887</v>
      </c>
      <c r="W41" s="93">
        <v>1.1289628779049142E-2</v>
      </c>
      <c r="X41" s="52">
        <v>3612</v>
      </c>
      <c r="Y41" s="83">
        <v>4.6173131155142793</v>
      </c>
      <c r="Z41" s="84">
        <v>6.9216740530230539E-2</v>
      </c>
      <c r="AA41" s="197">
        <v>0.27813874933684868</v>
      </c>
      <c r="AB41" s="93">
        <v>1.4907028408909902E-2</v>
      </c>
      <c r="AC41" s="197">
        <v>0.12827583985656779</v>
      </c>
      <c r="AD41" s="93">
        <v>1.11370527384488E-2</v>
      </c>
      <c r="AE41" s="197">
        <v>0.54176478993898147</v>
      </c>
      <c r="AF41" s="93">
        <v>1.657176533302496E-2</v>
      </c>
      <c r="AG41" s="197">
        <v>5.1820620867615096E-2</v>
      </c>
      <c r="AH41" s="93">
        <v>7.4057043743849587E-3</v>
      </c>
      <c r="AI41" s="52">
        <v>3612</v>
      </c>
      <c r="AJ41" s="83">
        <v>5.4194680173443652</v>
      </c>
      <c r="AK41" s="84">
        <v>5.2469180380923242E-2</v>
      </c>
      <c r="AL41" s="197">
        <v>0.10538912087898433</v>
      </c>
      <c r="AM41" s="93">
        <v>1.0231100200148627E-2</v>
      </c>
      <c r="AN41" s="197">
        <v>0.12077812564051954</v>
      </c>
      <c r="AO41" s="93">
        <v>1.0854465459194223E-2</v>
      </c>
      <c r="AP41" s="197">
        <v>0.67168042699143415</v>
      </c>
      <c r="AQ41" s="93">
        <v>1.5621030584649363E-2</v>
      </c>
      <c r="AR41" s="197">
        <v>0.10215232648907115</v>
      </c>
      <c r="AS41" s="93">
        <v>1.0091792102036203E-2</v>
      </c>
      <c r="AT41" s="52">
        <v>3227</v>
      </c>
      <c r="AU41" s="83">
        <v>5.0601707395793944</v>
      </c>
      <c r="AV41" s="84">
        <v>6.7966558185054829E-2</v>
      </c>
      <c r="AW41" s="197">
        <v>0.11539269094239846</v>
      </c>
      <c r="AX41" s="93">
        <v>1.1261680201004341E-2</v>
      </c>
      <c r="AY41" s="197">
        <v>0.12901803167192977</v>
      </c>
      <c r="AZ41" s="93">
        <v>1.1812678881663964E-2</v>
      </c>
      <c r="BA41" s="197">
        <v>0.52702044759083388</v>
      </c>
      <c r="BB41" s="93">
        <v>1.7567016378093783E-2</v>
      </c>
      <c r="BC41" s="197">
        <v>0.2285688297948496</v>
      </c>
      <c r="BD41" s="93">
        <v>1.4782333928843341E-2</v>
      </c>
    </row>
    <row r="42" spans="1:56">
      <c r="A42" s="48" t="s">
        <v>560</v>
      </c>
      <c r="B42" s="48">
        <v>2975</v>
      </c>
      <c r="C42" s="179">
        <v>4.9612506812273409</v>
      </c>
      <c r="D42" s="131">
        <v>6.9099444961585335E-2</v>
      </c>
      <c r="E42" s="198">
        <v>0.22864201377118298</v>
      </c>
      <c r="F42" s="96">
        <v>1.5397277028333481E-2</v>
      </c>
      <c r="G42" s="198">
        <v>0.11520762967540021</v>
      </c>
      <c r="H42" s="96">
        <v>1.1721977281955939E-2</v>
      </c>
      <c r="I42" s="198">
        <v>0.64974782404107467</v>
      </c>
      <c r="J42" s="96">
        <v>1.7482961301304532E-2</v>
      </c>
      <c r="K42" s="198">
        <v>6.4025325123396037E-3</v>
      </c>
      <c r="L42" s="96">
        <v>3.0691664937271827E-3</v>
      </c>
      <c r="M42" s="48">
        <v>2965</v>
      </c>
      <c r="N42" s="179">
        <v>3.9181987486909833</v>
      </c>
      <c r="O42" s="131">
        <v>7.8322871438062325E-2</v>
      </c>
      <c r="P42" s="198">
        <v>0.36161639871126339</v>
      </c>
      <c r="Q42" s="96">
        <v>1.7637552334459444E-2</v>
      </c>
      <c r="R42" s="198">
        <v>0.13717184351149059</v>
      </c>
      <c r="S42" s="96">
        <v>1.2646458624493347E-2</v>
      </c>
      <c r="T42" s="198">
        <v>0.34614540885452577</v>
      </c>
      <c r="U42" s="96">
        <v>1.7464490430503538E-2</v>
      </c>
      <c r="V42" s="198">
        <v>0.15506634892271659</v>
      </c>
      <c r="W42" s="96">
        <v>1.3302256136362173E-2</v>
      </c>
      <c r="X42" s="48">
        <v>2966</v>
      </c>
      <c r="Y42" s="179">
        <v>3.9812355319936521</v>
      </c>
      <c r="Z42" s="131">
        <v>7.5828267917695952E-2</v>
      </c>
      <c r="AA42" s="198">
        <v>0.41296046773588779</v>
      </c>
      <c r="AB42" s="96">
        <v>1.8069991586879736E-2</v>
      </c>
      <c r="AC42" s="198">
        <v>0.11723193718045995</v>
      </c>
      <c r="AD42" s="96">
        <v>1.1828345103514206E-2</v>
      </c>
      <c r="AE42" s="198">
        <v>0.41872829038734999</v>
      </c>
      <c r="AF42" s="96">
        <v>1.8106035927417431E-2</v>
      </c>
      <c r="AG42" s="198">
        <v>5.1079304696297984E-2</v>
      </c>
      <c r="AH42" s="96">
        <v>8.124675385624407E-3</v>
      </c>
      <c r="AI42" s="48">
        <v>2967</v>
      </c>
      <c r="AJ42" s="179">
        <v>5.3999180043520054</v>
      </c>
      <c r="AK42" s="131">
        <v>5.8850992171354428E-2</v>
      </c>
      <c r="AL42" s="198">
        <v>9.8804009082584979E-2</v>
      </c>
      <c r="AM42" s="96">
        <v>1.0975625311174998E-2</v>
      </c>
      <c r="AN42" s="198">
        <v>0.11677209484735872</v>
      </c>
      <c r="AO42" s="96">
        <v>1.1806333872220232E-2</v>
      </c>
      <c r="AP42" s="198">
        <v>0.65450038001218791</v>
      </c>
      <c r="AQ42" s="96">
        <v>1.7450950251902787E-2</v>
      </c>
      <c r="AR42" s="198">
        <v>0.12992351605786762</v>
      </c>
      <c r="AS42" s="96">
        <v>1.2356857570965493E-2</v>
      </c>
      <c r="AT42" s="48">
        <v>2585</v>
      </c>
      <c r="AU42" s="179">
        <v>4.7470043163358602</v>
      </c>
      <c r="AV42" s="131">
        <v>7.8930956798067817E-2</v>
      </c>
      <c r="AW42" s="198">
        <v>0.15811627074158477</v>
      </c>
      <c r="AX42" s="96">
        <v>1.4360389776849712E-2</v>
      </c>
      <c r="AY42" s="198">
        <v>0.11630974012449162</v>
      </c>
      <c r="AZ42" s="96">
        <v>1.2629328602590603E-2</v>
      </c>
      <c r="BA42" s="198">
        <v>0.4303743064813183</v>
      </c>
      <c r="BB42" s="96">
        <v>1.9462345644428086E-2</v>
      </c>
      <c r="BC42" s="198">
        <v>0.29519968265260327</v>
      </c>
      <c r="BD42" s="96">
        <v>1.7934533285513563E-2</v>
      </c>
    </row>
    <row r="43" spans="1:56">
      <c r="A43" s="44" t="s">
        <v>368</v>
      </c>
      <c r="B43" s="52">
        <v>159</v>
      </c>
      <c r="C43" s="83">
        <v>5.4420204285941898</v>
      </c>
      <c r="D43" s="84">
        <v>0.23578537451959083</v>
      </c>
      <c r="E43" s="197">
        <v>0.1170779345677552</v>
      </c>
      <c r="F43" s="93">
        <v>5.2068600639435796E-2</v>
      </c>
      <c r="G43" s="197">
        <v>0.11715661461774637</v>
      </c>
      <c r="H43" s="93">
        <v>5.2082108593981012E-2</v>
      </c>
      <c r="I43" s="197">
        <v>0.76576545081449865</v>
      </c>
      <c r="J43" s="93">
        <v>6.6975456770577785E-2</v>
      </c>
      <c r="K43" s="197">
        <v>0</v>
      </c>
      <c r="L43" s="93">
        <v>1.7245529166034633E-2</v>
      </c>
      <c r="M43" s="52">
        <v>159</v>
      </c>
      <c r="N43" s="83">
        <v>4.7481957147742975</v>
      </c>
      <c r="O43" s="84">
        <v>0.29701654150133833</v>
      </c>
      <c r="P43" s="197">
        <v>0.17403314074469697</v>
      </c>
      <c r="Q43" s="93">
        <v>6.0447525126859351E-2</v>
      </c>
      <c r="R43" s="197">
        <v>0.17555835692158836</v>
      </c>
      <c r="S43" s="93">
        <v>6.063882463448679E-2</v>
      </c>
      <c r="T43" s="197">
        <v>0.45691179044028885</v>
      </c>
      <c r="U43" s="93">
        <v>7.8048814254154913E-2</v>
      </c>
      <c r="V43" s="197">
        <v>0.19349671189342554</v>
      </c>
      <c r="W43" s="93">
        <v>6.2780154365316088E-2</v>
      </c>
      <c r="X43" s="52">
        <v>158</v>
      </c>
      <c r="Y43" s="83">
        <v>4.6000540158531242</v>
      </c>
      <c r="Z43" s="84">
        <v>0.29195473964714963</v>
      </c>
      <c r="AA43" s="197">
        <v>0.2695258960321536</v>
      </c>
      <c r="AB43" s="93">
        <v>7.0180091030409994E-2</v>
      </c>
      <c r="AC43" s="197">
        <v>0.13670782153863412</v>
      </c>
      <c r="AD43" s="93">
        <v>5.543451691453969E-2</v>
      </c>
      <c r="AE43" s="197">
        <v>0.518318852391213</v>
      </c>
      <c r="AF43" s="93">
        <v>7.8517244614549522E-2</v>
      </c>
      <c r="AG43" s="197">
        <v>7.5447430037999183E-2</v>
      </c>
      <c r="AH43" s="93">
        <v>4.4038762003402621E-2</v>
      </c>
      <c r="AI43" s="52">
        <v>158</v>
      </c>
      <c r="AJ43" s="83">
        <v>5.5513244008168474</v>
      </c>
      <c r="AK43" s="84">
        <v>0.22837582426518868</v>
      </c>
      <c r="AL43" s="197">
        <v>7.8509770460353248E-2</v>
      </c>
      <c r="AM43" s="93">
        <v>4.4724317412236966E-2</v>
      </c>
      <c r="AN43" s="197">
        <v>0.11946395948989345</v>
      </c>
      <c r="AO43" s="93">
        <v>5.2647214977238635E-2</v>
      </c>
      <c r="AP43" s="197">
        <v>0.67244984113338391</v>
      </c>
      <c r="AQ43" s="93">
        <v>7.398890666973848E-2</v>
      </c>
      <c r="AR43" s="197">
        <v>0.12957642891636953</v>
      </c>
      <c r="AS43" s="93">
        <v>5.4314744656856082E-2</v>
      </c>
      <c r="AT43" s="52">
        <v>156</v>
      </c>
      <c r="AU43" s="83">
        <v>4.7590687254107849</v>
      </c>
      <c r="AV43" s="84">
        <v>0.32398406603248447</v>
      </c>
      <c r="AW43" s="197">
        <v>0.16974562927326831</v>
      </c>
      <c r="AX43" s="93">
        <v>6.0480840068721536E-2</v>
      </c>
      <c r="AY43" s="197">
        <v>6.038082129212638E-2</v>
      </c>
      <c r="AZ43" s="93">
        <v>4.0705478190187765E-2</v>
      </c>
      <c r="BA43" s="197">
        <v>0.47366978149024869</v>
      </c>
      <c r="BB43" s="93">
        <v>7.895266783227041E-2</v>
      </c>
      <c r="BC43" s="197">
        <v>0.29620376794435654</v>
      </c>
      <c r="BD43" s="93">
        <v>7.2546154781766542E-2</v>
      </c>
    </row>
    <row r="44" spans="1:56">
      <c r="A44" s="48" t="s">
        <v>150</v>
      </c>
      <c r="B44" s="48">
        <v>273</v>
      </c>
      <c r="C44" s="179">
        <v>4.9936285285726383</v>
      </c>
      <c r="D44" s="131">
        <v>0.23379094238541989</v>
      </c>
      <c r="E44" s="198">
        <v>0.24239696484578108</v>
      </c>
      <c r="F44" s="96">
        <v>5.1762210180536325E-2</v>
      </c>
      <c r="G44" s="198">
        <v>0.10902145001170989</v>
      </c>
      <c r="H44" s="96">
        <v>3.8288049162359394E-2</v>
      </c>
      <c r="I44" s="198">
        <v>0.6485815851425063</v>
      </c>
      <c r="J44" s="96">
        <v>5.7449585133586757E-2</v>
      </c>
      <c r="K44" s="198">
        <v>0</v>
      </c>
      <c r="L44" s="96">
        <v>1.0173998911115088E-2</v>
      </c>
      <c r="M44" s="48">
        <v>271</v>
      </c>
      <c r="N44" s="179">
        <v>3.5996229013751133</v>
      </c>
      <c r="O44" s="131">
        <v>0.26708210090435414</v>
      </c>
      <c r="P44" s="198">
        <v>0.40520019712192235</v>
      </c>
      <c r="Q44" s="96">
        <v>5.9240346947395862E-2</v>
      </c>
      <c r="R44" s="198">
        <v>0.1305088797764874</v>
      </c>
      <c r="S44" s="96">
        <v>4.1326905331580836E-2</v>
      </c>
      <c r="T44" s="198">
        <v>0.30715800167725038</v>
      </c>
      <c r="U44" s="96">
        <v>5.5776949241465541E-2</v>
      </c>
      <c r="V44" s="198">
        <v>0.15713292142433888</v>
      </c>
      <c r="W44" s="96">
        <v>4.4450120595125847E-2</v>
      </c>
      <c r="X44" s="48">
        <v>272</v>
      </c>
      <c r="Y44" s="179">
        <v>3.8692217946448739</v>
      </c>
      <c r="Z44" s="131">
        <v>0.25979485218589515</v>
      </c>
      <c r="AA44" s="198">
        <v>0.43578196174658163</v>
      </c>
      <c r="AB44" s="96">
        <v>5.970879967393506E-2</v>
      </c>
      <c r="AC44" s="198">
        <v>0.10900352284284746</v>
      </c>
      <c r="AD44" s="96">
        <v>3.8357754879970708E-2</v>
      </c>
      <c r="AE44" s="198">
        <v>0.39816559497705528</v>
      </c>
      <c r="AF44" s="96">
        <v>5.8967955266070071E-2</v>
      </c>
      <c r="AG44" s="198">
        <v>5.7048920433514907E-2</v>
      </c>
      <c r="AH44" s="96">
        <v>2.9350518016300085E-2</v>
      </c>
      <c r="AI44" s="48">
        <v>273</v>
      </c>
      <c r="AJ44" s="179">
        <v>5.7338859626158722</v>
      </c>
      <c r="AK44" s="131">
        <v>0.19742908815647892</v>
      </c>
      <c r="AL44" s="198">
        <v>6.55633895407923E-2</v>
      </c>
      <c r="AM44" s="96">
        <v>3.1029579569846987E-2</v>
      </c>
      <c r="AN44" s="198">
        <v>9.4081621140425911E-2</v>
      </c>
      <c r="AO44" s="96">
        <v>3.6041412899899844E-2</v>
      </c>
      <c r="AP44" s="198">
        <v>0.69971062573207865</v>
      </c>
      <c r="AQ44" s="96">
        <v>5.5232915834664519E-2</v>
      </c>
      <c r="AR44" s="198">
        <v>0.1406443635867004</v>
      </c>
      <c r="AS44" s="96">
        <v>4.2412138357009459E-2</v>
      </c>
      <c r="AT44" s="48">
        <v>204</v>
      </c>
      <c r="AU44" s="179">
        <v>4.7627638279125772</v>
      </c>
      <c r="AV44" s="131">
        <v>0.29841273484321917</v>
      </c>
      <c r="AW44" s="198">
        <v>0.15858266309791669</v>
      </c>
      <c r="AX44" s="96">
        <v>5.1492044443455197E-2</v>
      </c>
      <c r="AY44" s="198">
        <v>8.8337850230878368E-2</v>
      </c>
      <c r="AZ44" s="96">
        <v>4.0900798076879623E-2</v>
      </c>
      <c r="BA44" s="198">
        <v>0.43147361217485264</v>
      </c>
      <c r="BB44" s="96">
        <v>6.8708275136908539E-2</v>
      </c>
      <c r="BC44" s="198">
        <v>0.32160587449635369</v>
      </c>
      <c r="BD44" s="96">
        <v>6.495379784450897E-2</v>
      </c>
    </row>
    <row r="45" spans="1:56">
      <c r="A45" s="44" t="s">
        <v>352</v>
      </c>
      <c r="B45" s="52">
        <v>121</v>
      </c>
      <c r="C45" s="83">
        <v>4.2896905484908112</v>
      </c>
      <c r="D45" s="84">
        <v>0.35859008972129519</v>
      </c>
      <c r="E45" s="197">
        <v>0.35230352162905815</v>
      </c>
      <c r="F45" s="93">
        <v>8.5708253878821028E-2</v>
      </c>
      <c r="G45" s="197">
        <v>0.13668469347665055</v>
      </c>
      <c r="H45" s="93">
        <v>6.3577277663434309E-2</v>
      </c>
      <c r="I45" s="197">
        <v>0.51101178489429</v>
      </c>
      <c r="J45" s="93">
        <v>8.9422391294499262E-2</v>
      </c>
      <c r="K45" s="197">
        <v>0</v>
      </c>
      <c r="L45" s="93">
        <v>2.2445667733440235E-2</v>
      </c>
      <c r="M45" s="52">
        <v>119</v>
      </c>
      <c r="N45" s="83">
        <v>3.2276213990363694</v>
      </c>
      <c r="O45" s="84">
        <v>0.40310767742125636</v>
      </c>
      <c r="P45" s="197">
        <v>0.47284906260661158</v>
      </c>
      <c r="Q45" s="93">
        <v>9.004244585759083E-2</v>
      </c>
      <c r="R45" s="197">
        <v>0.13926309694678241</v>
      </c>
      <c r="S45" s="93">
        <v>6.4567372276938401E-2</v>
      </c>
      <c r="T45" s="197">
        <v>0.2573438625031747</v>
      </c>
      <c r="U45" s="93">
        <v>7.9609912904101285E-2</v>
      </c>
      <c r="V45" s="197">
        <v>0.13054397794343026</v>
      </c>
      <c r="W45" s="93">
        <v>6.3048773019110105E-2</v>
      </c>
      <c r="X45" s="52">
        <v>120</v>
      </c>
      <c r="Y45" s="83">
        <v>3.2430134332469818</v>
      </c>
      <c r="Z45" s="84">
        <v>0.35958058651462005</v>
      </c>
      <c r="AA45" s="197">
        <v>0.51448907853830317</v>
      </c>
      <c r="AB45" s="93">
        <v>8.9767332271997319E-2</v>
      </c>
      <c r="AC45" s="197">
        <v>0.14490184341371778</v>
      </c>
      <c r="AD45" s="93">
        <v>6.5231406746336013E-2</v>
      </c>
      <c r="AE45" s="197">
        <v>0.25408858463288836</v>
      </c>
      <c r="AF45" s="93">
        <v>7.897857936525729E-2</v>
      </c>
      <c r="AG45" s="197">
        <v>8.6520493415089494E-2</v>
      </c>
      <c r="AH45" s="93">
        <v>5.3847698486571019E-2</v>
      </c>
      <c r="AI45" s="52">
        <v>121</v>
      </c>
      <c r="AJ45" s="83">
        <v>5.584949344241589</v>
      </c>
      <c r="AK45" s="84">
        <v>0.32866058141763493</v>
      </c>
      <c r="AL45" s="197">
        <v>8.2810236733029244E-2</v>
      </c>
      <c r="AM45" s="93">
        <v>5.2737388361667643E-2</v>
      </c>
      <c r="AN45" s="197">
        <v>0.11009217966828819</v>
      </c>
      <c r="AO45" s="93">
        <v>5.8664064310885264E-2</v>
      </c>
      <c r="AP45" s="197">
        <v>0.66586987790364416</v>
      </c>
      <c r="AQ45" s="93">
        <v>8.470557586927939E-2</v>
      </c>
      <c r="AR45" s="197">
        <v>0.14122770569503812</v>
      </c>
      <c r="AS45" s="93">
        <v>6.4346203081733985E-2</v>
      </c>
      <c r="AT45" s="52">
        <v>81</v>
      </c>
      <c r="AU45" s="83">
        <v>4.3754336036493848</v>
      </c>
      <c r="AV45" s="84">
        <v>0.54722271902759323</v>
      </c>
      <c r="AW45" s="197">
        <v>0.18438473649315285</v>
      </c>
      <c r="AX45" s="93">
        <v>8.6647833510109351E-2</v>
      </c>
      <c r="AY45" s="197">
        <v>9.0896554845476221E-2</v>
      </c>
      <c r="AZ45" s="93">
        <v>6.7915446968812326E-2</v>
      </c>
      <c r="BA45" s="197">
        <v>0.35217145235395314</v>
      </c>
      <c r="BB45" s="93">
        <v>0.10407126629315171</v>
      </c>
      <c r="BC45" s="197">
        <v>0.37254725630741725</v>
      </c>
      <c r="BD45" s="93">
        <v>0.10521657012534363</v>
      </c>
    </row>
    <row r="46" spans="1:56">
      <c r="A46" s="48" t="s">
        <v>353</v>
      </c>
      <c r="B46" s="48">
        <v>117</v>
      </c>
      <c r="C46" s="179">
        <v>5.3212030750151218</v>
      </c>
      <c r="D46" s="131">
        <v>0.31294801071794559</v>
      </c>
      <c r="E46" s="198">
        <v>0.18946711504432667</v>
      </c>
      <c r="F46" s="96">
        <v>7.2690792557118494E-2</v>
      </c>
      <c r="G46" s="198">
        <v>0.1191592547745401</v>
      </c>
      <c r="H46" s="96">
        <v>6.1494130387450288E-2</v>
      </c>
      <c r="I46" s="198">
        <v>0.69137363018113263</v>
      </c>
      <c r="J46" s="96">
        <v>8.4454011735576068E-2</v>
      </c>
      <c r="K46" s="198">
        <v>0</v>
      </c>
      <c r="L46" s="96">
        <v>2.3181440451602572E-2</v>
      </c>
      <c r="M46" s="48">
        <v>117</v>
      </c>
      <c r="N46" s="179">
        <v>3.2344279796591171</v>
      </c>
      <c r="O46" s="131">
        <v>0.4001709417438864</v>
      </c>
      <c r="P46" s="198">
        <v>0.48660596767854225</v>
      </c>
      <c r="Q46" s="96">
        <v>9.0878588520939288E-2</v>
      </c>
      <c r="R46" s="198">
        <v>9.9655076680450275E-2</v>
      </c>
      <c r="S46" s="96">
        <v>5.7537785899095875E-2</v>
      </c>
      <c r="T46" s="198">
        <v>0.22421219406944728</v>
      </c>
      <c r="U46" s="96">
        <v>7.6899989963088569E-2</v>
      </c>
      <c r="V46" s="198">
        <v>0.18952676157155871</v>
      </c>
      <c r="W46" s="96">
        <v>7.2698667070530701E-2</v>
      </c>
      <c r="X46" s="48">
        <v>117</v>
      </c>
      <c r="Y46" s="179">
        <v>3.8189096207957758</v>
      </c>
      <c r="Z46" s="131">
        <v>0.39876678667388232</v>
      </c>
      <c r="AA46" s="198">
        <v>0.45564537963110374</v>
      </c>
      <c r="AB46" s="96">
        <v>9.0574035151377574E-2</v>
      </c>
      <c r="AC46" s="198">
        <v>0.11132411829049899</v>
      </c>
      <c r="AD46" s="96">
        <v>5.9959765227272054E-2</v>
      </c>
      <c r="AE46" s="198">
        <v>0.39241133204381823</v>
      </c>
      <c r="AF46" s="96">
        <v>8.8919564223714623E-2</v>
      </c>
      <c r="AG46" s="198">
        <v>4.0619170034577406E-2</v>
      </c>
      <c r="AH46" s="96">
        <v>4.1735523127906196E-2</v>
      </c>
      <c r="AI46" s="48">
        <v>117</v>
      </c>
      <c r="AJ46" s="179">
        <v>5.7226633616358935</v>
      </c>
      <c r="AK46" s="131">
        <v>0.26816026479257304</v>
      </c>
      <c r="AL46" s="198">
        <v>6.4401832100666342E-2</v>
      </c>
      <c r="AM46" s="96">
        <v>4.8987113278698029E-2</v>
      </c>
      <c r="AN46" s="198">
        <v>7.3401596583824683E-2</v>
      </c>
      <c r="AO46" s="96">
        <v>5.1376770348720069E-2</v>
      </c>
      <c r="AP46" s="198">
        <v>0.69383596290263871</v>
      </c>
      <c r="AQ46" s="96">
        <v>8.4280265213692057E-2</v>
      </c>
      <c r="AR46" s="198">
        <v>0.16836060841286962</v>
      </c>
      <c r="AS46" s="96">
        <v>6.9749690622922786E-2</v>
      </c>
      <c r="AT46" s="48">
        <v>88</v>
      </c>
      <c r="AU46" s="179">
        <v>4.736962902237841</v>
      </c>
      <c r="AV46" s="131">
        <v>0.38725024373870126</v>
      </c>
      <c r="AW46" s="198">
        <v>0.18272822778834738</v>
      </c>
      <c r="AX46" s="96">
        <v>8.285700087337361E-2</v>
      </c>
      <c r="AY46" s="198">
        <v>0.10679159080013269</v>
      </c>
      <c r="AZ46" s="96">
        <v>6.8695759323875366E-2</v>
      </c>
      <c r="BA46" s="198">
        <v>0.47987958478277648</v>
      </c>
      <c r="BB46" s="96">
        <v>0.10417994597984884</v>
      </c>
      <c r="BC46" s="198">
        <v>0.23060059662874291</v>
      </c>
      <c r="BD46" s="96">
        <v>8.9344892692680658E-2</v>
      </c>
    </row>
    <row r="47" spans="1:56">
      <c r="A47" s="44" t="s">
        <v>369</v>
      </c>
      <c r="B47" s="195">
        <v>428</v>
      </c>
      <c r="C47" s="83">
        <v>4.6256614242482543</v>
      </c>
      <c r="D47" s="84">
        <v>0.18147448762268395</v>
      </c>
      <c r="E47" s="197">
        <v>0.28246909420700739</v>
      </c>
      <c r="F47" s="93">
        <v>4.3413658327362922E-2</v>
      </c>
      <c r="G47" s="197">
        <v>0.1264919334058302</v>
      </c>
      <c r="H47" s="93">
        <v>3.2355555106091019E-2</v>
      </c>
      <c r="I47" s="197">
        <v>0.57140000479709407</v>
      </c>
      <c r="J47" s="93">
        <v>4.7628579278968949E-2</v>
      </c>
      <c r="K47" s="197">
        <v>1.9638967590068425E-2</v>
      </c>
      <c r="L47" s="93">
        <v>1.4753086043853907E-2</v>
      </c>
      <c r="M47" s="195">
        <v>424</v>
      </c>
      <c r="N47" s="83">
        <v>3.3071562450388821</v>
      </c>
      <c r="O47" s="84">
        <v>0.19562922826242998</v>
      </c>
      <c r="P47" s="197">
        <v>0.47899980508192719</v>
      </c>
      <c r="Q47" s="93">
        <v>4.8294965628162226E-2</v>
      </c>
      <c r="R47" s="197">
        <v>0.109979181129968</v>
      </c>
      <c r="S47" s="93">
        <v>3.0679800748762042E-2</v>
      </c>
      <c r="T47" s="197">
        <v>0.26058956220614621</v>
      </c>
      <c r="U47" s="93">
        <v>4.255276970637728E-2</v>
      </c>
      <c r="V47" s="197">
        <v>0.1504314515819585</v>
      </c>
      <c r="W47" s="93">
        <v>3.4866264475946332E-2</v>
      </c>
      <c r="X47" s="195">
        <v>427</v>
      </c>
      <c r="Y47" s="83">
        <v>3.4694898661275801</v>
      </c>
      <c r="Z47" s="84">
        <v>0.19394824074308506</v>
      </c>
      <c r="AA47" s="197">
        <v>0.49594396489189363</v>
      </c>
      <c r="AB47" s="93">
        <v>4.816674946778516E-2</v>
      </c>
      <c r="AC47" s="197">
        <v>0.11628531800310733</v>
      </c>
      <c r="AD47" s="93">
        <v>3.1288389511716086E-2</v>
      </c>
      <c r="AE47" s="197">
        <v>0.33909686905941777</v>
      </c>
      <c r="AF47" s="93">
        <v>4.5654661133360856E-2</v>
      </c>
      <c r="AG47" s="197">
        <v>4.8673848045581586E-2</v>
      </c>
      <c r="AH47" s="93">
        <v>2.1556174280656825E-2</v>
      </c>
      <c r="AI47" s="195">
        <v>427</v>
      </c>
      <c r="AJ47" s="83">
        <v>5.3319636307723428</v>
      </c>
      <c r="AK47" s="84">
        <v>0.15143714148566728</v>
      </c>
      <c r="AL47" s="197">
        <v>0.10820196550269229</v>
      </c>
      <c r="AM47" s="93">
        <v>3.0362140932469656E-2</v>
      </c>
      <c r="AN47" s="197">
        <v>0.12538970422624432</v>
      </c>
      <c r="AO47" s="93">
        <v>3.2277771458487745E-2</v>
      </c>
      <c r="AP47" s="197">
        <v>0.68858236050976929</v>
      </c>
      <c r="AQ47" s="93">
        <v>4.4679185158783774E-2</v>
      </c>
      <c r="AR47" s="197">
        <v>7.7825969761294425E-2</v>
      </c>
      <c r="AS47" s="93">
        <v>2.6393764143738195E-2</v>
      </c>
      <c r="AT47" s="195">
        <v>359</v>
      </c>
      <c r="AU47" s="83">
        <v>4.9524485233377504</v>
      </c>
      <c r="AV47" s="84">
        <v>0.18450056731127773</v>
      </c>
      <c r="AW47" s="197">
        <v>0.12705670159361052</v>
      </c>
      <c r="AX47" s="93">
        <v>3.5436931029875718E-2</v>
      </c>
      <c r="AY47" s="197">
        <v>0.13110868001789786</v>
      </c>
      <c r="AZ47" s="93">
        <v>3.5891126539685854E-2</v>
      </c>
      <c r="BA47" s="197">
        <v>0.50012837471783156</v>
      </c>
      <c r="BB47" s="93">
        <v>5.2486386416105008E-2</v>
      </c>
      <c r="BC47" s="197">
        <v>0.24170624367066143</v>
      </c>
      <c r="BD47" s="93">
        <v>4.5119559836284413E-2</v>
      </c>
    </row>
    <row r="48" spans="1:56">
      <c r="A48" s="48" t="s">
        <v>354</v>
      </c>
      <c r="B48" s="196">
        <v>71</v>
      </c>
      <c r="C48" s="179">
        <v>3.691925014119291</v>
      </c>
      <c r="D48" s="131">
        <v>0.46971315325420882</v>
      </c>
      <c r="E48" s="198">
        <v>0.43643072115505127</v>
      </c>
      <c r="F48" s="96">
        <v>0.11463065277357797</v>
      </c>
      <c r="G48" s="198">
        <v>0.20373356679331014</v>
      </c>
      <c r="H48" s="96">
        <v>9.5593325141108049E-2</v>
      </c>
      <c r="I48" s="198">
        <v>0.35983571205163928</v>
      </c>
      <c r="J48" s="96">
        <v>0.11132982029480239</v>
      </c>
      <c r="K48" s="198">
        <v>0</v>
      </c>
      <c r="L48" s="96">
        <v>3.7206132509255738E-2</v>
      </c>
      <c r="M48" s="196">
        <v>70</v>
      </c>
      <c r="N48" s="179">
        <v>2.3315375407078616</v>
      </c>
      <c r="O48" s="131">
        <v>0.44606507783817229</v>
      </c>
      <c r="P48" s="198">
        <v>0.69939883086473897</v>
      </c>
      <c r="Q48" s="96">
        <v>0.10765869519961119</v>
      </c>
      <c r="R48" s="198">
        <v>6.0652538184359894E-2</v>
      </c>
      <c r="S48" s="96">
        <v>6.4630974272259709E-2</v>
      </c>
      <c r="T48" s="198">
        <v>0.13211316276520185</v>
      </c>
      <c r="U48" s="96">
        <v>8.3470422233000566E-2</v>
      </c>
      <c r="V48" s="198">
        <v>0.10783546818569967</v>
      </c>
      <c r="W48" s="96">
        <v>7.7941035823275287E-2</v>
      </c>
      <c r="X48" s="196">
        <v>71</v>
      </c>
      <c r="Y48" s="179">
        <v>2.3712524363137697</v>
      </c>
      <c r="Z48" s="131">
        <v>0.44296262151334059</v>
      </c>
      <c r="AA48" s="198">
        <v>0.75319318530099155</v>
      </c>
      <c r="AB48" s="96">
        <v>0.1013374350624031</v>
      </c>
      <c r="AC48" s="198">
        <v>3.0043666921947824E-2</v>
      </c>
      <c r="AD48" s="96">
        <v>5.2698444002646463E-2</v>
      </c>
      <c r="AE48" s="198">
        <v>0.1751334148753548</v>
      </c>
      <c r="AF48" s="96">
        <v>9.1043995961195695E-2</v>
      </c>
      <c r="AG48" s="198">
        <v>4.1629732901706226E-2</v>
      </c>
      <c r="AH48" s="96">
        <v>5.736902296543591E-2</v>
      </c>
      <c r="AI48" s="196">
        <v>70</v>
      </c>
      <c r="AJ48" s="179">
        <v>4.7867998322390424</v>
      </c>
      <c r="AK48" s="131">
        <v>0.42576988426741175</v>
      </c>
      <c r="AL48" s="198">
        <v>0.17634622740312128</v>
      </c>
      <c r="AM48" s="96">
        <v>9.1906733744839111E-2</v>
      </c>
      <c r="AN48" s="198">
        <v>0.15790078874870703</v>
      </c>
      <c r="AO48" s="96">
        <v>8.8616475578444195E-2</v>
      </c>
      <c r="AP48" s="198">
        <v>0.58607780904010687</v>
      </c>
      <c r="AQ48" s="96">
        <v>0.1146958320091689</v>
      </c>
      <c r="AR48" s="198">
        <v>7.967517480806563E-2</v>
      </c>
      <c r="AS48" s="96">
        <v>7.0485041691452449E-2</v>
      </c>
      <c r="AT48" s="196">
        <v>52</v>
      </c>
      <c r="AU48" s="179">
        <v>5.0360013928353649</v>
      </c>
      <c r="AV48" s="131">
        <v>0.52355509411622847</v>
      </c>
      <c r="AW48" s="198">
        <v>0.17112143619214934</v>
      </c>
      <c r="AX48" s="96">
        <v>0.10580934166688295</v>
      </c>
      <c r="AY48" s="198">
        <v>5.0881982157750832E-2</v>
      </c>
      <c r="AZ48" s="96">
        <v>7.3717207519902711E-2</v>
      </c>
      <c r="BA48" s="198">
        <v>0.60700554178044508</v>
      </c>
      <c r="BB48" s="96">
        <v>0.13096540861867603</v>
      </c>
      <c r="BC48" s="198">
        <v>0.17099103986965503</v>
      </c>
      <c r="BD48" s="96">
        <v>0.10578437176527118</v>
      </c>
    </row>
    <row r="49" spans="1:56">
      <c r="A49" s="44" t="s">
        <v>355</v>
      </c>
      <c r="B49" s="53">
        <v>76</v>
      </c>
      <c r="C49" s="83">
        <v>4.7769167977615465</v>
      </c>
      <c r="D49" s="84">
        <v>0.42801521120285074</v>
      </c>
      <c r="E49" s="197">
        <v>0.25496634654155925</v>
      </c>
      <c r="F49" s="93">
        <v>9.8947600798910212E-2</v>
      </c>
      <c r="G49" s="197">
        <v>0.14800420938752262</v>
      </c>
      <c r="H49" s="93">
        <v>8.3120188420282431E-2</v>
      </c>
      <c r="I49" s="197">
        <v>0.57751371014641617</v>
      </c>
      <c r="J49" s="93">
        <v>0.11058423064055109</v>
      </c>
      <c r="K49" s="197">
        <v>1.9515733924502E-2</v>
      </c>
      <c r="L49" s="93">
        <v>4.563125037933749E-2</v>
      </c>
      <c r="M49" s="53">
        <v>76</v>
      </c>
      <c r="N49" s="83">
        <v>3.1912610478498706</v>
      </c>
      <c r="O49" s="84">
        <v>0.42374328427411723</v>
      </c>
      <c r="P49" s="197">
        <v>0.53730709227448858</v>
      </c>
      <c r="Q49" s="93">
        <v>0.1115221689242963</v>
      </c>
      <c r="R49" s="197">
        <v>0.19638343464066024</v>
      </c>
      <c r="S49" s="93">
        <v>9.1324921453170838E-2</v>
      </c>
      <c r="T49" s="197">
        <v>0.17790491097605654</v>
      </c>
      <c r="U49" s="93">
        <v>8.8422258269074641E-2</v>
      </c>
      <c r="V49" s="197">
        <v>8.8404562108794563E-2</v>
      </c>
      <c r="W49" s="93">
        <v>6.9680251486773509E-2</v>
      </c>
      <c r="X49" s="53">
        <v>76</v>
      </c>
      <c r="Y49" s="83">
        <v>3.267450228421795</v>
      </c>
      <c r="Z49" s="84">
        <v>0.46073472865502441</v>
      </c>
      <c r="AA49" s="197">
        <v>0.52628083701231976</v>
      </c>
      <c r="AB49" s="93">
        <v>0.11166392862947137</v>
      </c>
      <c r="AC49" s="197">
        <v>8.5424083203485712E-2</v>
      </c>
      <c r="AD49" s="93">
        <v>6.8878314916280992E-2</v>
      </c>
      <c r="AE49" s="197">
        <v>0.35745333686090064</v>
      </c>
      <c r="AF49" s="93">
        <v>0.10762471952743642</v>
      </c>
      <c r="AG49" s="197">
        <v>3.0841742923293777E-2</v>
      </c>
      <c r="AH49" s="93">
        <v>5.0671097856477498E-2</v>
      </c>
      <c r="AI49" s="53">
        <v>76</v>
      </c>
      <c r="AJ49" s="83">
        <v>5.4376186380493197</v>
      </c>
      <c r="AK49" s="84">
        <v>0.36981095402176017</v>
      </c>
      <c r="AL49" s="197">
        <v>0.14244521933787654</v>
      </c>
      <c r="AM49" s="93">
        <v>8.2042521715924493E-2</v>
      </c>
      <c r="AN49" s="197">
        <v>0.10616404942519082</v>
      </c>
      <c r="AO49" s="93">
        <v>7.4167429759106493E-2</v>
      </c>
      <c r="AP49" s="197">
        <v>0.70848465106661462</v>
      </c>
      <c r="AQ49" s="93">
        <v>0.10265770078721391</v>
      </c>
      <c r="AR49" s="197">
        <v>4.2906080170317794E-2</v>
      </c>
      <c r="AS49" s="93">
        <v>5.542395532637457E-2</v>
      </c>
      <c r="AT49" s="53">
        <v>68</v>
      </c>
      <c r="AU49" s="83">
        <v>4.8809350376500316</v>
      </c>
      <c r="AV49" s="84">
        <v>0.40249166003728343</v>
      </c>
      <c r="AW49" s="197">
        <v>0.12690824790635352</v>
      </c>
      <c r="AX49" s="93">
        <v>8.3612634174831488E-2</v>
      </c>
      <c r="AY49" s="197">
        <v>0.21554286595695338</v>
      </c>
      <c r="AZ49" s="93">
        <v>9.9394011057612669E-2</v>
      </c>
      <c r="BA49" s="197">
        <v>0.55150016675236846</v>
      </c>
      <c r="BB49" s="93">
        <v>0.11729219050623414</v>
      </c>
      <c r="BC49" s="197">
        <v>0.10604871938432493</v>
      </c>
      <c r="BD49" s="93">
        <v>7.8728634697125779E-2</v>
      </c>
    </row>
    <row r="50" spans="1:56">
      <c r="A50" s="48" t="s">
        <v>356</v>
      </c>
      <c r="B50" s="196">
        <v>67</v>
      </c>
      <c r="C50" s="179">
        <v>4.8333824092186752</v>
      </c>
      <c r="D50" s="131">
        <v>0.43129528872439837</v>
      </c>
      <c r="E50" s="198">
        <v>0.23838197578153067</v>
      </c>
      <c r="F50" s="96">
        <v>0.10320245901034909</v>
      </c>
      <c r="G50" s="198">
        <v>0.18053825957545672</v>
      </c>
      <c r="H50" s="96">
        <v>9.4680937734534856E-2</v>
      </c>
      <c r="I50" s="198">
        <v>0.58107976464301248</v>
      </c>
      <c r="J50" s="96">
        <v>0.1172804344956898</v>
      </c>
      <c r="K50" s="198">
        <v>0</v>
      </c>
      <c r="L50" s="96">
        <v>3.9271909274046654E-2</v>
      </c>
      <c r="M50" s="196">
        <v>67</v>
      </c>
      <c r="N50" s="179">
        <v>3.4438116217569679</v>
      </c>
      <c r="O50" s="131">
        <v>0.44229103951624843</v>
      </c>
      <c r="P50" s="198">
        <v>0.41813761107105907</v>
      </c>
      <c r="Q50" s="96">
        <v>0.11725315626044604</v>
      </c>
      <c r="R50" s="198">
        <v>0.17851389208416471</v>
      </c>
      <c r="S50" s="96">
        <v>9.433655243341553E-2</v>
      </c>
      <c r="T50" s="198">
        <v>0.22002197010582056</v>
      </c>
      <c r="U50" s="96">
        <v>0.10075655192000275</v>
      </c>
      <c r="V50" s="198">
        <v>0.18332652673895555</v>
      </c>
      <c r="W50" s="96">
        <v>9.5149699376023328E-2</v>
      </c>
      <c r="X50" s="196">
        <v>66</v>
      </c>
      <c r="Y50" s="179">
        <v>3.6150096818440525</v>
      </c>
      <c r="Z50" s="131">
        <v>0.41892352224112145</v>
      </c>
      <c r="AA50" s="198">
        <v>0.43079576036292999</v>
      </c>
      <c r="AB50" s="96">
        <v>0.11850074746685844</v>
      </c>
      <c r="AC50" s="198">
        <v>0.17527421132811946</v>
      </c>
      <c r="AD50" s="96">
        <v>9.4494115658573963E-2</v>
      </c>
      <c r="AE50" s="198">
        <v>0.30724852968168159</v>
      </c>
      <c r="AF50" s="96">
        <v>0.11134800691542354</v>
      </c>
      <c r="AG50" s="198">
        <v>8.6681498627268885E-2</v>
      </c>
      <c r="AH50" s="96">
        <v>7.4884167760668918E-2</v>
      </c>
      <c r="AI50" s="196">
        <v>67</v>
      </c>
      <c r="AJ50" s="179">
        <v>4.952920043241126</v>
      </c>
      <c r="AK50" s="131">
        <v>0.34841576942942293</v>
      </c>
      <c r="AL50" s="198">
        <v>0.14600942081589799</v>
      </c>
      <c r="AM50" s="96">
        <v>8.8305584182050978E-2</v>
      </c>
      <c r="AN50" s="198">
        <v>0.15747600299509881</v>
      </c>
      <c r="AO50" s="96">
        <v>9.0545884482879563E-2</v>
      </c>
      <c r="AP50" s="198">
        <v>0.62005852937604822</v>
      </c>
      <c r="AQ50" s="96">
        <v>0.11559139255310352</v>
      </c>
      <c r="AR50" s="198">
        <v>7.6456046812954773E-2</v>
      </c>
      <c r="AS50" s="96">
        <v>7.1307325923320328E-2</v>
      </c>
      <c r="AT50" s="196">
        <v>58</v>
      </c>
      <c r="AU50" s="179">
        <v>4.6387815206096841</v>
      </c>
      <c r="AV50" s="131">
        <v>0.39482191591541044</v>
      </c>
      <c r="AW50" s="198">
        <v>0.11389693150079326</v>
      </c>
      <c r="AX50" s="96">
        <v>8.7819270884434114E-2</v>
      </c>
      <c r="AY50" s="198">
        <v>0.15548244833314212</v>
      </c>
      <c r="AZ50" s="96">
        <v>9.7096148180803546E-2</v>
      </c>
      <c r="BA50" s="198">
        <v>0.34130225735179853</v>
      </c>
      <c r="BB50" s="96">
        <v>0.12127278563090156</v>
      </c>
      <c r="BC50" s="198">
        <v>0.38931836281426618</v>
      </c>
      <c r="BD50" s="96">
        <v>0.12424722618922218</v>
      </c>
    </row>
    <row r="51" spans="1:56">
      <c r="A51" s="56" t="s">
        <v>357</v>
      </c>
      <c r="B51" s="195">
        <v>54</v>
      </c>
      <c r="C51" s="83">
        <v>4.0639642554618458</v>
      </c>
      <c r="D51" s="84">
        <v>0.47431383748402284</v>
      </c>
      <c r="E51" s="197">
        <v>0.41070766471579234</v>
      </c>
      <c r="F51" s="93">
        <v>0.12947871549443493</v>
      </c>
      <c r="G51" s="197">
        <v>0.14609783748288449</v>
      </c>
      <c r="H51" s="93">
        <v>9.8762329823930156E-2</v>
      </c>
      <c r="I51" s="197">
        <v>0.40087343857599789</v>
      </c>
      <c r="J51" s="93">
        <v>0.12905024692027076</v>
      </c>
      <c r="K51" s="197">
        <v>4.2321059225325204E-2</v>
      </c>
      <c r="L51" s="93">
        <v>6.8695285458936092E-2</v>
      </c>
      <c r="M51" s="195">
        <v>54</v>
      </c>
      <c r="N51" s="83">
        <v>2.4453629803580994</v>
      </c>
      <c r="O51" s="84">
        <v>0.39707199721522135</v>
      </c>
      <c r="P51" s="197">
        <v>0.6775136039525903</v>
      </c>
      <c r="Q51" s="93">
        <v>0.12392584041548567</v>
      </c>
      <c r="R51" s="197">
        <v>3.5316658835607903E-2</v>
      </c>
      <c r="S51" s="93">
        <v>6.582416817106071E-2</v>
      </c>
      <c r="T51" s="197">
        <v>0.126761483304967</v>
      </c>
      <c r="U51" s="93">
        <v>9.4411129204671748E-2</v>
      </c>
      <c r="V51" s="197">
        <v>0.1604082539068348</v>
      </c>
      <c r="W51" s="93">
        <v>0.10172156151571254</v>
      </c>
      <c r="X51" s="195">
        <v>54</v>
      </c>
      <c r="Y51" s="83">
        <v>2.5587529247749985</v>
      </c>
      <c r="Z51" s="84">
        <v>0.41014059533136715</v>
      </c>
      <c r="AA51" s="197">
        <v>0.76223075150247799</v>
      </c>
      <c r="AB51" s="93">
        <v>0.11458855727374592</v>
      </c>
      <c r="AC51" s="197">
        <v>7.0349307118643831E-2</v>
      </c>
      <c r="AD51" s="93">
        <v>7.8776992582283503E-2</v>
      </c>
      <c r="AE51" s="197">
        <v>0.13663216359626165</v>
      </c>
      <c r="AF51" s="93">
        <v>9.6685664475172822E-2</v>
      </c>
      <c r="AG51" s="197">
        <v>3.0787777782616623E-2</v>
      </c>
      <c r="AH51" s="93">
        <v>6.3874698077121442E-2</v>
      </c>
      <c r="AI51" s="195">
        <v>54</v>
      </c>
      <c r="AJ51" s="83">
        <v>6.1060572318928452</v>
      </c>
      <c r="AK51" s="84">
        <v>0.27434285119171592</v>
      </c>
      <c r="AL51" s="197">
        <v>0</v>
      </c>
      <c r="AM51" s="93">
        <v>4.7917816122734561E-2</v>
      </c>
      <c r="AN51" s="197">
        <v>4.5505763679996043E-2</v>
      </c>
      <c r="AO51" s="93">
        <v>6.9947882809587941E-2</v>
      </c>
      <c r="AP51" s="197">
        <v>0.8684160694966423</v>
      </c>
      <c r="AQ51" s="93">
        <v>9.5536765823488093E-2</v>
      </c>
      <c r="AR51" s="197">
        <v>8.6078166823361585E-2</v>
      </c>
      <c r="AS51" s="93">
        <v>8.3660118670806055E-2</v>
      </c>
      <c r="AT51" s="195">
        <v>47</v>
      </c>
      <c r="AU51" s="83">
        <v>5.1738846799417475</v>
      </c>
      <c r="AV51" s="84">
        <v>0.40784984768295773</v>
      </c>
      <c r="AW51" s="197">
        <v>9.5902916638483257E-2</v>
      </c>
      <c r="AX51" s="93">
        <v>9.3437978065447763E-2</v>
      </c>
      <c r="AY51" s="197">
        <v>0.12489887831300164</v>
      </c>
      <c r="AZ51" s="93">
        <v>0.10117131725961517</v>
      </c>
      <c r="BA51" s="197">
        <v>0.55264663189589913</v>
      </c>
      <c r="BB51" s="93">
        <v>0.13936721242608299</v>
      </c>
      <c r="BC51" s="197">
        <v>0.22655157315261604</v>
      </c>
      <c r="BD51" s="93">
        <v>0.12094245863315249</v>
      </c>
    </row>
    <row r="52" spans="1:56">
      <c r="A52" s="48" t="s">
        <v>358</v>
      </c>
      <c r="B52" s="196">
        <v>98</v>
      </c>
      <c r="C52" s="179">
        <v>4.1632052092122942</v>
      </c>
      <c r="D52" s="131">
        <v>0.41239007490324708</v>
      </c>
      <c r="E52" s="198">
        <v>0.37941802021285231</v>
      </c>
      <c r="F52" s="96">
        <v>9.6320139962660492E-2</v>
      </c>
      <c r="G52" s="198">
        <v>7.330001445509389E-2</v>
      </c>
      <c r="H52" s="96">
        <v>5.6681893090295712E-2</v>
      </c>
      <c r="I52" s="198">
        <v>0.50660315670292622</v>
      </c>
      <c r="J52" s="96">
        <v>9.9006783488596983E-2</v>
      </c>
      <c r="K52" s="198">
        <v>4.0678808629127136E-2</v>
      </c>
      <c r="L52" s="96">
        <v>4.6546086553275121E-2</v>
      </c>
      <c r="M52" s="196">
        <v>98</v>
      </c>
      <c r="N52" s="179">
        <v>2.9932710250378043</v>
      </c>
      <c r="O52" s="131">
        <v>0.41742414493456859</v>
      </c>
      <c r="P52" s="198">
        <v>0.57733461514024731</v>
      </c>
      <c r="Q52" s="96">
        <v>9.7915375600751225E-2</v>
      </c>
      <c r="R52" s="198">
        <v>9.1150947196734458E-2</v>
      </c>
      <c r="S52" s="96">
        <v>6.1259903194619832E-2</v>
      </c>
      <c r="T52" s="198">
        <v>0.20206585262965893</v>
      </c>
      <c r="U52" s="96">
        <v>8.1182601446909558E-2</v>
      </c>
      <c r="V52" s="198">
        <v>0.12944858503335899</v>
      </c>
      <c r="W52" s="96">
        <v>6.9522113538593708E-2</v>
      </c>
      <c r="X52" s="196">
        <v>97</v>
      </c>
      <c r="Y52" s="179">
        <v>2.7367494266260479</v>
      </c>
      <c r="Z52" s="131">
        <v>0.40275579300221642</v>
      </c>
      <c r="AA52" s="198">
        <v>0.57168034334844198</v>
      </c>
      <c r="AB52" s="96">
        <v>9.8556079511169362E-2</v>
      </c>
      <c r="AC52" s="198">
        <v>0.13632683023711389</v>
      </c>
      <c r="AD52" s="96">
        <v>7.1201923750745896E-2</v>
      </c>
      <c r="AE52" s="198">
        <v>0.2018189536523036</v>
      </c>
      <c r="AF52" s="96">
        <v>8.1566625183820463E-2</v>
      </c>
      <c r="AG52" s="198">
        <v>9.0173872762140117E-2</v>
      </c>
      <c r="AH52" s="96">
        <v>6.1364894451641887E-2</v>
      </c>
      <c r="AI52" s="196">
        <v>98</v>
      </c>
      <c r="AJ52" s="179">
        <v>5.1150069969253265</v>
      </c>
      <c r="AK52" s="131">
        <v>0.3401918900978585</v>
      </c>
      <c r="AL52" s="198">
        <v>0.17478253804065844</v>
      </c>
      <c r="AM52" s="96">
        <v>7.729910107588582E-2</v>
      </c>
      <c r="AN52" s="198">
        <v>0.1225551908922367</v>
      </c>
      <c r="AO52" s="96">
        <v>6.8166467783630114E-2</v>
      </c>
      <c r="AP52" s="198">
        <v>0.51501851465467963</v>
      </c>
      <c r="AQ52" s="96">
        <v>9.8973513587377895E-2</v>
      </c>
      <c r="AR52" s="198">
        <v>0.18764375641242509</v>
      </c>
      <c r="AS52" s="96">
        <v>7.9195910241892667E-2</v>
      </c>
      <c r="AT52" s="196">
        <v>80</v>
      </c>
      <c r="AU52" s="179">
        <v>3.4512664350722893</v>
      </c>
      <c r="AV52" s="131">
        <v>0.56042443591864333</v>
      </c>
      <c r="AW52" s="198">
        <v>0.32704976693883109</v>
      </c>
      <c r="AX52" s="96">
        <v>0.10301852144167907</v>
      </c>
      <c r="AY52" s="198">
        <v>0.12786730467415619</v>
      </c>
      <c r="AZ52" s="96">
        <v>7.6963835014935048E-2</v>
      </c>
      <c r="BA52" s="198">
        <v>0.23463927216163899</v>
      </c>
      <c r="BB52" s="96">
        <v>9.4145360185452373E-2</v>
      </c>
      <c r="BC52" s="198">
        <v>0.31044365622537312</v>
      </c>
      <c r="BD52" s="96">
        <v>0.10174875050611683</v>
      </c>
    </row>
    <row r="53" spans="1:56">
      <c r="A53" s="56" t="s">
        <v>359</v>
      </c>
      <c r="B53" s="195">
        <v>116</v>
      </c>
      <c r="C53" s="83">
        <v>5.1479219157414056</v>
      </c>
      <c r="D53" s="84">
        <v>0.31049646020816696</v>
      </c>
      <c r="E53" s="197">
        <v>0.18049882539293979</v>
      </c>
      <c r="F53" s="93">
        <v>7.1789269423103666E-2</v>
      </c>
      <c r="G53" s="197">
        <v>7.0282530496171128E-2</v>
      </c>
      <c r="H53" s="93">
        <v>5.080951204147776E-2</v>
      </c>
      <c r="I53" s="197">
        <v>0.7190947815298121</v>
      </c>
      <c r="J53" s="93">
        <v>8.2693068792368984E-2</v>
      </c>
      <c r="K53" s="197">
        <v>3.0123862581076976E-2</v>
      </c>
      <c r="L53" s="93">
        <v>3.8161938291421893E-2</v>
      </c>
      <c r="M53" s="195">
        <v>113</v>
      </c>
      <c r="N53" s="83">
        <v>4.2727533785433796</v>
      </c>
      <c r="O53" s="84">
        <v>0.382144436564476</v>
      </c>
      <c r="P53" s="197">
        <v>0.28227235171700571</v>
      </c>
      <c r="Q53" s="93">
        <v>8.3876313660290358E-2</v>
      </c>
      <c r="R53" s="197">
        <v>7.4081448820234722E-2</v>
      </c>
      <c r="S53" s="93">
        <v>5.2553668686069498E-2</v>
      </c>
      <c r="T53" s="197">
        <v>0.46468565781120669</v>
      </c>
      <c r="U53" s="93">
        <v>9.223468980105852E-2</v>
      </c>
      <c r="V53" s="197">
        <v>0.17896054165155209</v>
      </c>
      <c r="W53" s="93">
        <v>7.2527146867122735E-2</v>
      </c>
      <c r="X53" s="195">
        <v>116</v>
      </c>
      <c r="Y53" s="83">
        <v>4.5274062747733819</v>
      </c>
      <c r="Z53" s="84">
        <v>0.34678717675993986</v>
      </c>
      <c r="AA53" s="197">
        <v>0.26127955942026537</v>
      </c>
      <c r="AB53" s="93">
        <v>8.0983207130029031E-2</v>
      </c>
      <c r="AC53" s="197">
        <v>0.15458413656126443</v>
      </c>
      <c r="AD53" s="93">
        <v>6.7948375872607214E-2</v>
      </c>
      <c r="AE53" s="197">
        <v>0.53726351635393865</v>
      </c>
      <c r="AF53" s="93">
        <v>9.1049887205466029E-2</v>
      </c>
      <c r="AG53" s="197">
        <v>4.6872787664530804E-2</v>
      </c>
      <c r="AH53" s="93">
        <v>4.4021160088687415E-2</v>
      </c>
      <c r="AI53" s="195">
        <v>116</v>
      </c>
      <c r="AJ53" s="83">
        <v>5.382741185221537</v>
      </c>
      <c r="AK53" s="84">
        <v>0.27102668128693785</v>
      </c>
      <c r="AL53" s="197">
        <v>8.4234314776758343E-2</v>
      </c>
      <c r="AM53" s="93">
        <v>5.4304972382422621E-2</v>
      </c>
      <c r="AN53" s="197">
        <v>0.13717535995816826</v>
      </c>
      <c r="AO53" s="93">
        <v>6.506102945939278E-2</v>
      </c>
      <c r="AP53" s="197">
        <v>0.70890696683707821</v>
      </c>
      <c r="AQ53" s="93">
        <v>8.3510251402875504E-2</v>
      </c>
      <c r="AR53" s="197">
        <v>6.9683358427995112E-2</v>
      </c>
      <c r="AS53" s="93">
        <v>5.0651314010371658E-2</v>
      </c>
      <c r="AT53" s="195">
        <v>102</v>
      </c>
      <c r="AU53" s="83">
        <v>5.0905922813836746</v>
      </c>
      <c r="AV53" s="84">
        <v>0.3505993129028015</v>
      </c>
      <c r="AW53" s="197">
        <v>0.11230101592854169</v>
      </c>
      <c r="AX53" s="93">
        <v>6.4667406067867084E-2</v>
      </c>
      <c r="AY53" s="197">
        <v>0.10959162542732116</v>
      </c>
      <c r="AZ53" s="93">
        <v>6.4095316915247336E-2</v>
      </c>
      <c r="BA53" s="197">
        <v>0.53132583238196096</v>
      </c>
      <c r="BB53" s="93">
        <v>9.6951914907670994E-2</v>
      </c>
      <c r="BC53" s="197">
        <v>0.24678152626217542</v>
      </c>
      <c r="BD53" s="93">
        <v>8.4814628804400632E-2</v>
      </c>
    </row>
    <row r="54" spans="1:56">
      <c r="A54" s="48" t="s">
        <v>371</v>
      </c>
      <c r="B54" s="196">
        <v>183</v>
      </c>
      <c r="C54" s="179">
        <v>4.4390353043695274</v>
      </c>
      <c r="D54" s="131">
        <v>0.26212138707315658</v>
      </c>
      <c r="E54" s="198">
        <v>0.31944279936541969</v>
      </c>
      <c r="F54" s="96">
        <v>6.8408785726227189E-2</v>
      </c>
      <c r="G54" s="198">
        <v>0.16759344240271093</v>
      </c>
      <c r="H54" s="96">
        <v>5.5534802933212148E-2</v>
      </c>
      <c r="I54" s="198">
        <v>0.51296375823187035</v>
      </c>
      <c r="J54" s="96">
        <v>7.3103699514779505E-2</v>
      </c>
      <c r="K54" s="198">
        <v>0</v>
      </c>
      <c r="L54" s="96">
        <v>1.504417746716019E-2</v>
      </c>
      <c r="M54" s="196">
        <v>183</v>
      </c>
      <c r="N54" s="179">
        <v>3.2952582396503614</v>
      </c>
      <c r="O54" s="131">
        <v>0.29871230445286728</v>
      </c>
      <c r="P54" s="198">
        <v>0.50412090793475772</v>
      </c>
      <c r="Q54" s="96">
        <v>7.3124863814731211E-2</v>
      </c>
      <c r="R54" s="198">
        <v>7.9263154845110456E-2</v>
      </c>
      <c r="S54" s="96">
        <v>4.1489007274713545E-2</v>
      </c>
      <c r="T54" s="198">
        <v>0.25078304467633139</v>
      </c>
      <c r="U54" s="96">
        <v>6.3837957408708859E-2</v>
      </c>
      <c r="V54" s="198">
        <v>0.16583289254380151</v>
      </c>
      <c r="W54" s="96">
        <v>5.5317938969195006E-2</v>
      </c>
      <c r="X54" s="196">
        <v>183</v>
      </c>
      <c r="Y54" s="179">
        <v>3.3572396934544164</v>
      </c>
      <c r="Z54" s="131">
        <v>0.28578922687740038</v>
      </c>
      <c r="AA54" s="198">
        <v>0.56074803124297157</v>
      </c>
      <c r="AB54" s="96">
        <v>7.2608519261678869E-2</v>
      </c>
      <c r="AC54" s="198">
        <v>9.9642790117023761E-2</v>
      </c>
      <c r="AD54" s="96">
        <v>4.5432659598463029E-2</v>
      </c>
      <c r="AE54" s="198">
        <v>0.30993878681416165</v>
      </c>
      <c r="AF54" s="96">
        <v>6.7879349938299013E-2</v>
      </c>
      <c r="AG54" s="198">
        <v>2.9670391825843998E-2</v>
      </c>
      <c r="AH54" s="96">
        <v>2.8567350700483253E-2</v>
      </c>
      <c r="AI54" s="196">
        <v>183</v>
      </c>
      <c r="AJ54" s="179">
        <v>5.3926441645666916</v>
      </c>
      <c r="AK54" s="131">
        <v>0.2073356338442412</v>
      </c>
      <c r="AL54" s="198">
        <v>6.2016880549407211E-2</v>
      </c>
      <c r="AM54" s="96">
        <v>3.7655804908915076E-2</v>
      </c>
      <c r="AN54" s="198">
        <v>0.11102084188189794</v>
      </c>
      <c r="AO54" s="96">
        <v>4.7414187576027091E-2</v>
      </c>
      <c r="AP54" s="198">
        <v>0.65489473298366452</v>
      </c>
      <c r="AQ54" s="96">
        <v>6.9685781536058422E-2</v>
      </c>
      <c r="AR54" s="198">
        <v>0.17206754458503087</v>
      </c>
      <c r="AS54" s="96">
        <v>5.6077053325532644E-2</v>
      </c>
      <c r="AT54" s="196">
        <v>172</v>
      </c>
      <c r="AU54" s="179">
        <v>4.4569810044130298</v>
      </c>
      <c r="AV54" s="131">
        <v>0.2920046948732164</v>
      </c>
      <c r="AW54" s="198">
        <v>0.1454376961430921</v>
      </c>
      <c r="AX54" s="96">
        <v>5.4342125317362058E-2</v>
      </c>
      <c r="AY54" s="198">
        <v>0.13832016219747126</v>
      </c>
      <c r="AZ54" s="96">
        <v>5.3314278416396896E-2</v>
      </c>
      <c r="BA54" s="198">
        <v>0.32647811368095858</v>
      </c>
      <c r="BB54" s="96">
        <v>7.0910191548888155E-2</v>
      </c>
      <c r="BC54" s="198">
        <v>0.38976402797847887</v>
      </c>
      <c r="BD54" s="96">
        <v>7.360739153224255E-2</v>
      </c>
    </row>
    <row r="55" spans="1:56">
      <c r="A55" s="56" t="s">
        <v>360</v>
      </c>
      <c r="B55" s="195">
        <v>103</v>
      </c>
      <c r="C55" s="83">
        <v>3.9884639409600307</v>
      </c>
      <c r="D55" s="84">
        <v>0.32785540898902155</v>
      </c>
      <c r="E55" s="197">
        <v>0.39800809808069793</v>
      </c>
      <c r="F55" s="93">
        <v>9.4791627906305659E-2</v>
      </c>
      <c r="G55" s="197">
        <v>0.19184131388193174</v>
      </c>
      <c r="H55" s="93">
        <v>7.7822097805472404E-2</v>
      </c>
      <c r="I55" s="197">
        <v>0.41015058803737042</v>
      </c>
      <c r="J55" s="93">
        <v>9.5216307371775749E-2</v>
      </c>
      <c r="K55" s="197">
        <v>0</v>
      </c>
      <c r="L55" s="93">
        <v>2.6185687246820841E-2</v>
      </c>
      <c r="M55" s="195">
        <v>103</v>
      </c>
      <c r="N55" s="83">
        <v>2.9861670421047628</v>
      </c>
      <c r="O55" s="84">
        <v>0.35381676090993558</v>
      </c>
      <c r="P55" s="197">
        <v>0.57640325953983551</v>
      </c>
      <c r="Q55" s="93">
        <v>9.5622081197526992E-2</v>
      </c>
      <c r="R55" s="197">
        <v>8.7047966901906207E-2</v>
      </c>
      <c r="S55" s="93">
        <v>5.863945388804237E-2</v>
      </c>
      <c r="T55" s="197">
        <v>0.18413775528294868</v>
      </c>
      <c r="U55" s="93">
        <v>7.6744746568451358E-2</v>
      </c>
      <c r="V55" s="197">
        <v>0.15241101827530981</v>
      </c>
      <c r="W55" s="93">
        <v>7.1837351396559584E-2</v>
      </c>
      <c r="X55" s="195">
        <v>103</v>
      </c>
      <c r="Y55" s="83">
        <v>2.9672248960449759</v>
      </c>
      <c r="Z55" s="84">
        <v>0.33544783568483583</v>
      </c>
      <c r="AA55" s="197">
        <v>0.67088977777652403</v>
      </c>
      <c r="AB55" s="93">
        <v>9.1291726635045756E-2</v>
      </c>
      <c r="AC55" s="197">
        <v>9.8546427679333068E-2</v>
      </c>
      <c r="AD55" s="93">
        <v>6.1343073353263354E-2</v>
      </c>
      <c r="AE55" s="197">
        <v>0.2146936146740514</v>
      </c>
      <c r="AF55" s="93">
        <v>8.0784117896039453E-2</v>
      </c>
      <c r="AG55" s="197">
        <v>1.5870179870091549E-2</v>
      </c>
      <c r="AH55" s="93">
        <v>3.5024494781794743E-2</v>
      </c>
      <c r="AI55" s="195">
        <v>103</v>
      </c>
      <c r="AJ55" s="83">
        <v>5.3181284421367003</v>
      </c>
      <c r="AK55" s="84">
        <v>0.28933886563054673</v>
      </c>
      <c r="AL55" s="197">
        <v>5.7390591185243173E-2</v>
      </c>
      <c r="AM55" s="93">
        <v>5.0592783714024321E-2</v>
      </c>
      <c r="AN55" s="197">
        <v>0.15846411900245141</v>
      </c>
      <c r="AO55" s="93">
        <v>7.2836131747637242E-2</v>
      </c>
      <c r="AP55" s="197">
        <v>0.611768239074995</v>
      </c>
      <c r="AQ55" s="93">
        <v>9.4409011661125655E-2</v>
      </c>
      <c r="AR55" s="197">
        <v>0.17237705073731049</v>
      </c>
      <c r="AS55" s="93">
        <v>7.5017351465053297E-2</v>
      </c>
      <c r="AT55" s="195">
        <v>96</v>
      </c>
      <c r="AU55" s="83">
        <v>4.3413486351020047</v>
      </c>
      <c r="AV55" s="84">
        <v>0.41501530532344311</v>
      </c>
      <c r="AW55" s="197">
        <v>0.16487195428790463</v>
      </c>
      <c r="AX55" s="93">
        <v>7.6549163352130731E-2</v>
      </c>
      <c r="AY55" s="197">
        <v>0.12566743351212303</v>
      </c>
      <c r="AZ55" s="93">
        <v>6.9530114195429815E-2</v>
      </c>
      <c r="BA55" s="197">
        <v>0.31348541942284419</v>
      </c>
      <c r="BB55" s="93">
        <v>9.3368017228926695E-2</v>
      </c>
      <c r="BC55" s="197">
        <v>0.39597519277712856</v>
      </c>
      <c r="BD55" s="93">
        <v>9.7985145500088217E-2</v>
      </c>
    </row>
    <row r="56" spans="1:56">
      <c r="A56" s="48" t="s">
        <v>370</v>
      </c>
      <c r="B56" s="196">
        <v>292</v>
      </c>
      <c r="C56" s="179">
        <v>4.9087049995361847</v>
      </c>
      <c r="D56" s="131">
        <v>0.21383422130138388</v>
      </c>
      <c r="E56" s="198">
        <v>0.22549594099942266</v>
      </c>
      <c r="F56" s="96">
        <v>4.8861402797381111E-2</v>
      </c>
      <c r="G56" s="198">
        <v>0.12523193893682794</v>
      </c>
      <c r="H56" s="96">
        <v>3.9132351237094541E-2</v>
      </c>
      <c r="I56" s="198">
        <v>0.64028846610023027</v>
      </c>
      <c r="J56" s="96">
        <v>5.5853024697866231E-2</v>
      </c>
      <c r="K56" s="198">
        <v>8.9836539635186237E-3</v>
      </c>
      <c r="L56" s="96">
        <v>1.4414264949215954E-2</v>
      </c>
      <c r="M56" s="196">
        <v>292</v>
      </c>
      <c r="N56" s="179">
        <v>3.5519686835053661</v>
      </c>
      <c r="O56" s="131">
        <v>0.25115531376381262</v>
      </c>
      <c r="P56" s="198">
        <v>0.4054723533977454</v>
      </c>
      <c r="Q56" s="96">
        <v>5.7104029254589773E-2</v>
      </c>
      <c r="R56" s="198">
        <v>0.15531383511405342</v>
      </c>
      <c r="S56" s="96">
        <v>4.2614043088831231E-2</v>
      </c>
      <c r="T56" s="198">
        <v>0.24986076959620257</v>
      </c>
      <c r="U56" s="96">
        <v>5.0552355849247103E-2</v>
      </c>
      <c r="V56" s="198">
        <v>0.18935304189199761</v>
      </c>
      <c r="W56" s="96">
        <v>4.5927233032195751E-2</v>
      </c>
      <c r="X56" s="196">
        <v>292</v>
      </c>
      <c r="Y56" s="179">
        <v>3.4213710054073938</v>
      </c>
      <c r="Z56" s="131">
        <v>0.23317332374175476</v>
      </c>
      <c r="AA56" s="198">
        <v>0.507528840435857</v>
      </c>
      <c r="AB56" s="96">
        <v>5.8117406588599756E-2</v>
      </c>
      <c r="AC56" s="198">
        <v>0.13313274330200731</v>
      </c>
      <c r="AD56" s="96">
        <v>4.0104836921626877E-2</v>
      </c>
      <c r="AE56" s="198">
        <v>0.31189181163061103</v>
      </c>
      <c r="AF56" s="96">
        <v>5.39726145121847E-2</v>
      </c>
      <c r="AG56" s="198">
        <v>4.7446604631523927E-2</v>
      </c>
      <c r="AH56" s="96">
        <v>2.6173352124168946E-2</v>
      </c>
      <c r="AI56" s="196">
        <v>292</v>
      </c>
      <c r="AJ56" s="179">
        <v>5.3366162303115159</v>
      </c>
      <c r="AK56" s="131">
        <v>0.19421263198052316</v>
      </c>
      <c r="AL56" s="198">
        <v>0.10446284869316633</v>
      </c>
      <c r="AM56" s="96">
        <v>3.6344849903634999E-2</v>
      </c>
      <c r="AN56" s="198">
        <v>0.1041315855630229</v>
      </c>
      <c r="AO56" s="96">
        <v>3.6297389269155357E-2</v>
      </c>
      <c r="AP56" s="198">
        <v>0.59701119795441993</v>
      </c>
      <c r="AQ56" s="96">
        <v>5.7049227777896012E-2</v>
      </c>
      <c r="AR56" s="198">
        <v>0.19439436778939051</v>
      </c>
      <c r="AS56" s="96">
        <v>4.636988860365978E-2</v>
      </c>
      <c r="AT56" s="196">
        <v>272</v>
      </c>
      <c r="AU56" s="179">
        <v>4.5795619442580566</v>
      </c>
      <c r="AV56" s="131">
        <v>0.26816109830775808</v>
      </c>
      <c r="AW56" s="198">
        <v>0.17966208580000859</v>
      </c>
      <c r="AX56" s="96">
        <v>4.6677502105873396E-2</v>
      </c>
      <c r="AY56" s="198">
        <v>0.14087799114029462</v>
      </c>
      <c r="AZ56" s="96">
        <v>4.2518966779868647E-2</v>
      </c>
      <c r="BA56" s="198">
        <v>0.33698020871393786</v>
      </c>
      <c r="BB56" s="96">
        <v>5.7001051186618697E-2</v>
      </c>
      <c r="BC56" s="198">
        <v>0.34247971434575797</v>
      </c>
      <c r="BD56" s="96">
        <v>5.7218289734610225E-2</v>
      </c>
    </row>
    <row r="57" spans="1:56">
      <c r="A57" s="56" t="s">
        <v>361</v>
      </c>
      <c r="B57" s="195">
        <v>127</v>
      </c>
      <c r="C57" s="83">
        <v>4.9987964410567107</v>
      </c>
      <c r="D57" s="84">
        <v>0.29133026526056327</v>
      </c>
      <c r="E57" s="197">
        <v>0.20560932010855254</v>
      </c>
      <c r="F57" s="93">
        <v>7.1738689790762492E-2</v>
      </c>
      <c r="G57" s="197">
        <v>0.13956945356536285</v>
      </c>
      <c r="H57" s="93">
        <v>6.2493271922961238E-2</v>
      </c>
      <c r="I57" s="197">
        <v>0.65368202289371391</v>
      </c>
      <c r="J57" s="93">
        <v>8.340138321660609E-2</v>
      </c>
      <c r="K57" s="197">
        <v>1.1392034323702027E-3</v>
      </c>
      <c r="L57" s="93">
        <v>2.2174578024975276E-2</v>
      </c>
      <c r="M57" s="195">
        <v>127</v>
      </c>
      <c r="N57" s="83">
        <v>3.6753929178581113</v>
      </c>
      <c r="O57" s="84">
        <v>0.37525675324235597</v>
      </c>
      <c r="P57" s="197">
        <v>0.38163729266523494</v>
      </c>
      <c r="Q57" s="93">
        <v>8.5038431123118027E-2</v>
      </c>
      <c r="R57" s="197">
        <v>0.13549836072831906</v>
      </c>
      <c r="S57" s="93">
        <v>6.1811918138374881E-2</v>
      </c>
      <c r="T57" s="197">
        <v>0.26231523349146763</v>
      </c>
      <c r="U57" s="93">
        <v>7.7539115555806545E-2</v>
      </c>
      <c r="V57" s="197">
        <v>0.22054911311497807</v>
      </c>
      <c r="W57" s="93">
        <v>7.3433444573341486E-2</v>
      </c>
      <c r="X57" s="195">
        <v>127</v>
      </c>
      <c r="Y57" s="83">
        <v>3.482131420397264</v>
      </c>
      <c r="Z57" s="84">
        <v>0.3528598190232945</v>
      </c>
      <c r="AA57" s="197">
        <v>0.54604807056263671</v>
      </c>
      <c r="AB57" s="93">
        <v>8.7021466127327293E-2</v>
      </c>
      <c r="AC57" s="197">
        <v>6.6945841817016308E-2</v>
      </c>
      <c r="AD57" s="93">
        <v>4.7451645746674397E-2</v>
      </c>
      <c r="AE57" s="197">
        <v>0.32556443962730158</v>
      </c>
      <c r="AF57" s="93">
        <v>8.2221456711778662E-2</v>
      </c>
      <c r="AG57" s="197">
        <v>6.1441647993045023E-2</v>
      </c>
      <c r="AH57" s="93">
        <v>4.5978024398715803E-2</v>
      </c>
      <c r="AI57" s="195">
        <v>127</v>
      </c>
      <c r="AJ57" s="83">
        <v>5.6105931810000289</v>
      </c>
      <c r="AK57" s="84">
        <v>0.29009122687494837</v>
      </c>
      <c r="AL57" s="197">
        <v>8.8138484260227357E-2</v>
      </c>
      <c r="AM57" s="93">
        <v>5.2588280221250908E-2</v>
      </c>
      <c r="AN57" s="197">
        <v>5.1079855386283783E-2</v>
      </c>
      <c r="AO57" s="93">
        <v>4.3012492841953319E-2</v>
      </c>
      <c r="AP57" s="197">
        <v>0.66932411920329427</v>
      </c>
      <c r="AQ57" s="93">
        <v>8.2527532579788426E-2</v>
      </c>
      <c r="AR57" s="197">
        <v>0.19145754115019414</v>
      </c>
      <c r="AS57" s="93">
        <v>7.0011218048091683E-2</v>
      </c>
      <c r="AT57" s="195">
        <v>119</v>
      </c>
      <c r="AU57" s="83">
        <v>4.9717536669835907</v>
      </c>
      <c r="AV57" s="84">
        <v>0.37680883416783789</v>
      </c>
      <c r="AW57" s="197">
        <v>0.13813722182492863</v>
      </c>
      <c r="AX57" s="93">
        <v>6.4375315405606939E-2</v>
      </c>
      <c r="AY57" s="197">
        <v>0.14824579354779011</v>
      </c>
      <c r="AZ57" s="93">
        <v>6.6058774018902908E-2</v>
      </c>
      <c r="BA57" s="197">
        <v>0.38209591653308572</v>
      </c>
      <c r="BB57" s="93">
        <v>8.7789119043560418E-2</v>
      </c>
      <c r="BC57" s="197">
        <v>0.33152106809419524</v>
      </c>
      <c r="BD57" s="93">
        <v>8.5241125008578375E-2</v>
      </c>
    </row>
    <row r="58" spans="1:56">
      <c r="A58" s="48" t="s">
        <v>375</v>
      </c>
      <c r="B58" s="196">
        <v>111</v>
      </c>
      <c r="C58" s="179">
        <v>5.110207654410325</v>
      </c>
      <c r="D58" s="131">
        <v>0.33274687680293208</v>
      </c>
      <c r="E58" s="198">
        <v>0.18334393990794071</v>
      </c>
      <c r="F58" s="96">
        <v>7.3799494942903512E-2</v>
      </c>
      <c r="G58" s="198">
        <v>0.12141977539066201</v>
      </c>
      <c r="H58" s="96">
        <v>6.3649560076520562E-2</v>
      </c>
      <c r="I58" s="198">
        <v>0.69523628470139731</v>
      </c>
      <c r="J58" s="96">
        <v>8.6373971438160016E-2</v>
      </c>
      <c r="K58" s="198">
        <v>0</v>
      </c>
      <c r="L58" s="96">
        <v>2.4380210707016403E-2</v>
      </c>
      <c r="M58" s="196">
        <v>111</v>
      </c>
      <c r="N58" s="179">
        <v>3.6519898157546562</v>
      </c>
      <c r="O58" s="131">
        <v>0.40219855060853815</v>
      </c>
      <c r="P58" s="198">
        <v>0.35589863849697756</v>
      </c>
      <c r="Q58" s="96">
        <v>8.95698340269898E-2</v>
      </c>
      <c r="R58" s="198">
        <v>0.20671795333546389</v>
      </c>
      <c r="S58" s="96">
        <v>7.6865820060261797E-2</v>
      </c>
      <c r="T58" s="198">
        <v>0.2553855260773546</v>
      </c>
      <c r="U58" s="96">
        <v>8.219888681759184E-2</v>
      </c>
      <c r="V58" s="198">
        <v>0.18199788209020373</v>
      </c>
      <c r="W58" s="96">
        <v>7.3611699279795301E-2</v>
      </c>
      <c r="X58" s="196">
        <v>112</v>
      </c>
      <c r="Y58" s="179">
        <v>3.623681341437397</v>
      </c>
      <c r="Z58" s="131">
        <v>0.37019112839890611</v>
      </c>
      <c r="AA58" s="198">
        <v>0.44418359997341461</v>
      </c>
      <c r="AB58" s="96">
        <v>9.2306775826309889E-2</v>
      </c>
      <c r="AC58" s="198">
        <v>0.19667753399158641</v>
      </c>
      <c r="AD58" s="96">
        <v>7.5253874195575762E-2</v>
      </c>
      <c r="AE58" s="198">
        <v>0.34540955571068471</v>
      </c>
      <c r="AF58" s="96">
        <v>8.8614144239558684E-2</v>
      </c>
      <c r="AG58" s="198">
        <v>1.372931032431393E-2</v>
      </c>
      <c r="AH58" s="96">
        <v>3.19305182953354E-2</v>
      </c>
      <c r="AI58" s="196">
        <v>111</v>
      </c>
      <c r="AJ58" s="179">
        <v>5.1150888786578044</v>
      </c>
      <c r="AK58" s="131">
        <v>0.31690747617398335</v>
      </c>
      <c r="AL58" s="198">
        <v>9.4372257011044722E-2</v>
      </c>
      <c r="AM58" s="96">
        <v>5.7999373394166193E-2</v>
      </c>
      <c r="AN58" s="198">
        <v>0.15628084643555076</v>
      </c>
      <c r="AO58" s="96">
        <v>6.9765531345823084E-2</v>
      </c>
      <c r="AP58" s="198">
        <v>0.55104484701429346</v>
      </c>
      <c r="AQ58" s="96">
        <v>9.2796650760080618E-2</v>
      </c>
      <c r="AR58" s="198">
        <v>0.19830204953911074</v>
      </c>
      <c r="AS58" s="96">
        <v>7.5802986535842595E-2</v>
      </c>
      <c r="AT58" s="196">
        <v>105</v>
      </c>
      <c r="AU58" s="179">
        <v>4.7679583866158133</v>
      </c>
      <c r="AV58" s="131">
        <v>0.39525689043891526</v>
      </c>
      <c r="AW58" s="198">
        <v>0.15224606780326952</v>
      </c>
      <c r="AX58" s="96">
        <v>7.1106625076693616E-2</v>
      </c>
      <c r="AY58" s="198">
        <v>0.13665929503274216</v>
      </c>
      <c r="AZ58" s="96">
        <v>6.8401145215183617E-2</v>
      </c>
      <c r="BA58" s="198">
        <v>0.34277807836610691</v>
      </c>
      <c r="BB58" s="96">
        <v>9.1282844604847285E-2</v>
      </c>
      <c r="BC58" s="198">
        <v>0.36831655879788122</v>
      </c>
      <c r="BD58" s="96">
        <v>9.2648852388882333E-2</v>
      </c>
    </row>
    <row r="59" spans="1:56">
      <c r="A59" s="56" t="s">
        <v>358</v>
      </c>
      <c r="B59" s="195">
        <v>98</v>
      </c>
      <c r="C59" s="83">
        <v>4.1632052092122942</v>
      </c>
      <c r="D59" s="84">
        <v>0.41239007490324708</v>
      </c>
      <c r="E59" s="197">
        <v>0.37941802021285231</v>
      </c>
      <c r="F59" s="93">
        <v>9.6320139962660492E-2</v>
      </c>
      <c r="G59" s="197">
        <v>7.330001445509389E-2</v>
      </c>
      <c r="H59" s="93">
        <v>5.6681893090295712E-2</v>
      </c>
      <c r="I59" s="197">
        <v>0.50660315670292622</v>
      </c>
      <c r="J59" s="93">
        <v>9.9006783488596983E-2</v>
      </c>
      <c r="K59" s="197">
        <v>4.0678808629127136E-2</v>
      </c>
      <c r="L59" s="93">
        <v>4.6546086553275121E-2</v>
      </c>
      <c r="M59" s="195">
        <v>98</v>
      </c>
      <c r="N59" s="83">
        <v>2.9932710250378043</v>
      </c>
      <c r="O59" s="84">
        <v>0.41742414493456859</v>
      </c>
      <c r="P59" s="197">
        <v>0.57733461514024731</v>
      </c>
      <c r="Q59" s="93">
        <v>9.7915375600751225E-2</v>
      </c>
      <c r="R59" s="197">
        <v>9.1150947196734458E-2</v>
      </c>
      <c r="S59" s="93">
        <v>6.1259903194619832E-2</v>
      </c>
      <c r="T59" s="197">
        <v>0.20206585262965893</v>
      </c>
      <c r="U59" s="93">
        <v>8.1182601446909558E-2</v>
      </c>
      <c r="V59" s="197">
        <v>0.12944858503335899</v>
      </c>
      <c r="W59" s="93">
        <v>6.9522113538593708E-2</v>
      </c>
      <c r="X59" s="195">
        <v>97</v>
      </c>
      <c r="Y59" s="83">
        <v>2.7367494266260479</v>
      </c>
      <c r="Z59" s="84">
        <v>0.40275579300221642</v>
      </c>
      <c r="AA59" s="197">
        <v>0.57168034334844198</v>
      </c>
      <c r="AB59" s="93">
        <v>9.8556079511169362E-2</v>
      </c>
      <c r="AC59" s="197">
        <v>0.13632683023711389</v>
      </c>
      <c r="AD59" s="93">
        <v>7.1201923750745896E-2</v>
      </c>
      <c r="AE59" s="197">
        <v>0.2018189536523036</v>
      </c>
      <c r="AF59" s="93">
        <v>8.1566625183820463E-2</v>
      </c>
      <c r="AG59" s="197">
        <v>9.0173872762140117E-2</v>
      </c>
      <c r="AH59" s="93">
        <v>6.1364894451641887E-2</v>
      </c>
      <c r="AI59" s="195">
        <v>98</v>
      </c>
      <c r="AJ59" s="83">
        <v>5.1150069969253265</v>
      </c>
      <c r="AK59" s="84">
        <v>0.3401918900978585</v>
      </c>
      <c r="AL59" s="197">
        <v>0.17478253804065844</v>
      </c>
      <c r="AM59" s="93">
        <v>7.729910107588582E-2</v>
      </c>
      <c r="AN59" s="197">
        <v>0.1225551908922367</v>
      </c>
      <c r="AO59" s="93">
        <v>6.8166467783630114E-2</v>
      </c>
      <c r="AP59" s="197">
        <v>0.51501851465467963</v>
      </c>
      <c r="AQ59" s="93">
        <v>9.8973513587377895E-2</v>
      </c>
      <c r="AR59" s="197">
        <v>0.18764375641242509</v>
      </c>
      <c r="AS59" s="93">
        <v>7.9195910241892667E-2</v>
      </c>
      <c r="AT59" s="195">
        <v>80</v>
      </c>
      <c r="AU59" s="83">
        <v>3.4512664350722893</v>
      </c>
      <c r="AV59" s="84">
        <v>0.56042443591864333</v>
      </c>
      <c r="AW59" s="197">
        <v>0.32704976693883109</v>
      </c>
      <c r="AX59" s="93">
        <v>0.10301852144167907</v>
      </c>
      <c r="AY59" s="197">
        <v>0.12786730467415619</v>
      </c>
      <c r="AZ59" s="93">
        <v>7.6963835014935048E-2</v>
      </c>
      <c r="BA59" s="197">
        <v>0.23463927216163899</v>
      </c>
      <c r="BB59" s="93">
        <v>9.4145360185452373E-2</v>
      </c>
      <c r="BC59" s="197">
        <v>0.31044365622537312</v>
      </c>
      <c r="BD59" s="93">
        <v>0.10174875050611683</v>
      </c>
    </row>
    <row r="61" spans="1:56" ht="18.75">
      <c r="A61" s="340" t="s">
        <v>430</v>
      </c>
      <c r="B61" s="340"/>
      <c r="C61" s="340"/>
      <c r="D61" s="340"/>
    </row>
    <row r="62" spans="1:56" ht="101.25" customHeight="1">
      <c r="A62" s="394" t="s">
        <v>432</v>
      </c>
      <c r="B62" s="394"/>
      <c r="C62" s="394"/>
      <c r="D62" s="394"/>
    </row>
    <row r="63" spans="1:56" ht="52.5" customHeight="1">
      <c r="A63" s="404" t="s">
        <v>431</v>
      </c>
      <c r="B63" s="346"/>
      <c r="C63" s="346"/>
      <c r="D63" s="346"/>
    </row>
    <row r="64" spans="1:56" ht="72">
      <c r="A64" s="36" t="s">
        <v>70</v>
      </c>
      <c r="B64" s="37" t="s">
        <v>71</v>
      </c>
      <c r="C64" s="38" t="s">
        <v>594</v>
      </c>
      <c r="D64" s="39" t="s">
        <v>72</v>
      </c>
    </row>
    <row r="65" spans="1:4" ht="72">
      <c r="A65" s="40"/>
      <c r="B65" s="41" t="s">
        <v>73</v>
      </c>
      <c r="C65" s="127" t="s">
        <v>304</v>
      </c>
      <c r="D65" s="43" t="s">
        <v>75</v>
      </c>
    </row>
    <row r="66" spans="1:4">
      <c r="A66" s="44" t="s">
        <v>349</v>
      </c>
      <c r="B66" s="165">
        <v>13378</v>
      </c>
      <c r="C66" s="166">
        <v>4.6058382743290247</v>
      </c>
      <c r="D66" s="85">
        <v>2.841324988712805E-2</v>
      </c>
    </row>
    <row r="67" spans="1:4">
      <c r="A67" s="48" t="s">
        <v>350</v>
      </c>
      <c r="B67" s="48">
        <v>9798</v>
      </c>
      <c r="C67" s="168">
        <v>3.8991512701747868</v>
      </c>
      <c r="D67" s="86">
        <v>3.1300090940843274E-2</v>
      </c>
    </row>
    <row r="68" spans="1:4">
      <c r="A68" s="44" t="s">
        <v>351</v>
      </c>
      <c r="B68" s="52">
        <v>3580</v>
      </c>
      <c r="C68" s="166">
        <v>5.1791687404784188</v>
      </c>
      <c r="D68" s="85">
        <v>4.3236509349918018E-2</v>
      </c>
    </row>
    <row r="69" spans="1:4">
      <c r="A69" s="48" t="s">
        <v>558</v>
      </c>
      <c r="B69" s="48">
        <v>325</v>
      </c>
      <c r="C69" s="168">
        <v>5.1102714412647803</v>
      </c>
      <c r="D69" s="86">
        <v>0.13744145602570434</v>
      </c>
    </row>
    <row r="70" spans="1:4">
      <c r="A70" s="44" t="s">
        <v>559</v>
      </c>
      <c r="B70" s="52">
        <v>3490</v>
      </c>
      <c r="C70" s="166">
        <v>4.5041881620474928</v>
      </c>
      <c r="D70" s="85">
        <v>5.4040025243009722E-2</v>
      </c>
    </row>
    <row r="71" spans="1:4">
      <c r="A71" s="48" t="s">
        <v>560</v>
      </c>
      <c r="B71" s="48">
        <v>2864</v>
      </c>
      <c r="C71" s="168">
        <v>3.6996017688282743</v>
      </c>
      <c r="D71" s="86">
        <v>5.5426727924067755E-2</v>
      </c>
    </row>
    <row r="72" spans="1:4">
      <c r="A72" s="44" t="s">
        <v>368</v>
      </c>
      <c r="B72" s="52">
        <v>157</v>
      </c>
      <c r="C72" s="166">
        <v>4.4147803425366225</v>
      </c>
      <c r="D72" s="85">
        <v>0.23544620719782985</v>
      </c>
    </row>
    <row r="73" spans="1:4">
      <c r="A73" s="48" t="s">
        <v>150</v>
      </c>
      <c r="B73" s="48">
        <v>264</v>
      </c>
      <c r="C73" s="168">
        <v>3.8077194637935943</v>
      </c>
      <c r="D73" s="86">
        <v>0.1695331999388035</v>
      </c>
    </row>
    <row r="74" spans="1:4">
      <c r="A74" s="44" t="s">
        <v>352</v>
      </c>
      <c r="B74" s="52">
        <v>115</v>
      </c>
      <c r="C74" s="166">
        <v>3.7159836380649649</v>
      </c>
      <c r="D74" s="85">
        <v>0.26265036419082155</v>
      </c>
    </row>
    <row r="75" spans="1:4">
      <c r="A75" s="48" t="s">
        <v>353</v>
      </c>
      <c r="B75" s="48">
        <v>115</v>
      </c>
      <c r="C75" s="168">
        <v>3.4901670452217051</v>
      </c>
      <c r="D75" s="86">
        <v>0.23787071230724238</v>
      </c>
    </row>
    <row r="76" spans="1:4">
      <c r="A76" s="44" t="s">
        <v>369</v>
      </c>
      <c r="B76" s="165">
        <v>408</v>
      </c>
      <c r="C76" s="166">
        <v>3.5801895317385082</v>
      </c>
      <c r="D76" s="85">
        <v>0.13585032774989386</v>
      </c>
    </row>
    <row r="77" spans="1:4">
      <c r="A77" s="48" t="s">
        <v>354</v>
      </c>
      <c r="B77" s="167">
        <v>70</v>
      </c>
      <c r="C77" s="168">
        <v>2.9891124042377935</v>
      </c>
      <c r="D77" s="86">
        <v>0.28784869213740988</v>
      </c>
    </row>
    <row r="78" spans="1:4">
      <c r="A78" s="44" t="s">
        <v>355</v>
      </c>
      <c r="B78" s="82">
        <v>74</v>
      </c>
      <c r="C78" s="166">
        <v>3.9005635150178462</v>
      </c>
      <c r="D78" s="85">
        <v>0.32441039984523073</v>
      </c>
    </row>
    <row r="79" spans="1:4">
      <c r="A79" s="48" t="s">
        <v>356</v>
      </c>
      <c r="B79" s="167">
        <v>63</v>
      </c>
      <c r="C79" s="168">
        <v>3.5158572851624319</v>
      </c>
      <c r="D79" s="86">
        <v>0.33443569214187485</v>
      </c>
    </row>
    <row r="80" spans="1:4">
      <c r="A80" s="56" t="s">
        <v>357</v>
      </c>
      <c r="B80" s="165">
        <v>51</v>
      </c>
      <c r="C80" s="166">
        <v>3.7789733626530597</v>
      </c>
      <c r="D80" s="85">
        <v>0.34417005354813102</v>
      </c>
    </row>
    <row r="81" spans="1:43">
      <c r="A81" s="48" t="s">
        <v>358</v>
      </c>
      <c r="B81" s="167">
        <v>93</v>
      </c>
      <c r="C81" s="168">
        <v>2.8623536040514099</v>
      </c>
      <c r="D81" s="86">
        <v>0.28755429450597603</v>
      </c>
    </row>
    <row r="82" spans="1:43">
      <c r="A82" s="56" t="s">
        <v>359</v>
      </c>
      <c r="B82" s="165">
        <v>109</v>
      </c>
      <c r="C82" s="166">
        <v>3.7077335502063091</v>
      </c>
      <c r="D82" s="85">
        <v>0.27290004363198228</v>
      </c>
    </row>
    <row r="83" spans="1:43">
      <c r="A83" s="48" t="s">
        <v>371</v>
      </c>
      <c r="B83" s="167">
        <v>174</v>
      </c>
      <c r="C83" s="168">
        <v>3.1224758257983232</v>
      </c>
      <c r="D83" s="86">
        <v>0.17611129451032559</v>
      </c>
    </row>
    <row r="84" spans="1:43">
      <c r="A84" s="56" t="s">
        <v>360</v>
      </c>
      <c r="B84" s="165">
        <v>99</v>
      </c>
      <c r="C84" s="166">
        <v>2.9719507937938343</v>
      </c>
      <c r="D84" s="85">
        <v>0.22601059195251683</v>
      </c>
    </row>
    <row r="85" spans="1:43">
      <c r="A85" s="48" t="s">
        <v>370</v>
      </c>
      <c r="B85" s="167">
        <v>284</v>
      </c>
      <c r="C85" s="168">
        <v>3.0563900692101216</v>
      </c>
      <c r="D85" s="86">
        <v>0.16489892332518652</v>
      </c>
    </row>
    <row r="86" spans="1:43">
      <c r="A86" s="56" t="s">
        <v>361</v>
      </c>
      <c r="B86" s="165">
        <v>122</v>
      </c>
      <c r="C86" s="166">
        <v>3.1818117349372463</v>
      </c>
      <c r="D86" s="85">
        <v>0.25953495943819666</v>
      </c>
    </row>
    <row r="87" spans="1:43">
      <c r="A87" s="48" t="s">
        <v>375</v>
      </c>
      <c r="B87" s="167">
        <v>110</v>
      </c>
      <c r="C87" s="168">
        <v>3.019947857746371</v>
      </c>
      <c r="D87" s="86">
        <v>0.24120901279494983</v>
      </c>
    </row>
    <row r="88" spans="1:43">
      <c r="A88" s="56" t="s">
        <v>358</v>
      </c>
      <c r="B88" s="165">
        <v>93</v>
      </c>
      <c r="C88" s="166">
        <v>2.8623536040514099</v>
      </c>
      <c r="D88" s="85">
        <v>0.28755429450597603</v>
      </c>
    </row>
    <row r="90" spans="1:43" ht="18.75">
      <c r="A90" s="340" t="s">
        <v>527</v>
      </c>
      <c r="B90" s="340"/>
      <c r="C90" s="340"/>
      <c r="D90" s="340"/>
      <c r="E90" s="340"/>
      <c r="F90" s="340"/>
      <c r="G90" s="340"/>
      <c r="H90" s="340"/>
      <c r="I90" s="340"/>
      <c r="J90" s="340"/>
      <c r="K90" s="340"/>
      <c r="L90" s="340"/>
      <c r="M90" s="340"/>
      <c r="N90" s="340"/>
      <c r="O90" s="340"/>
      <c r="P90" s="340"/>
      <c r="Q90" s="340"/>
      <c r="R90" s="340"/>
      <c r="S90" s="340"/>
      <c r="T90" s="340"/>
      <c r="U90" s="340"/>
      <c r="V90" s="340"/>
      <c r="W90" s="340"/>
      <c r="X90" s="296"/>
      <c r="Y90" s="296"/>
    </row>
    <row r="91" spans="1:43" ht="56.25" customHeight="1">
      <c r="A91" s="409" t="s">
        <v>598</v>
      </c>
      <c r="B91" s="409"/>
      <c r="C91" s="409"/>
      <c r="D91" s="409"/>
      <c r="E91" s="409"/>
      <c r="F91" s="409"/>
      <c r="G91" s="409"/>
      <c r="H91" s="409"/>
      <c r="I91" s="409"/>
      <c r="J91" s="409"/>
      <c r="K91" s="409"/>
      <c r="L91" s="409"/>
      <c r="M91" s="409"/>
      <c r="N91" s="409"/>
      <c r="O91" s="409"/>
      <c r="P91" s="409"/>
      <c r="Q91" s="409"/>
      <c r="R91" s="409"/>
      <c r="S91" s="409"/>
      <c r="T91" s="409"/>
      <c r="U91" s="409"/>
      <c r="V91" s="409"/>
      <c r="W91" s="409"/>
      <c r="X91" s="296"/>
      <c r="Y91" s="296"/>
    </row>
    <row r="92" spans="1:43" ht="36" customHeight="1">
      <c r="A92" s="63"/>
      <c r="B92" s="389" t="s">
        <v>433</v>
      </c>
      <c r="C92" s="390"/>
      <c r="D92" s="390"/>
      <c r="E92" s="390"/>
      <c r="F92" s="390"/>
      <c r="G92" s="390"/>
      <c r="H92" s="390"/>
      <c r="I92" s="390"/>
      <c r="J92" s="390"/>
      <c r="K92" s="390"/>
      <c r="L92" s="391"/>
      <c r="M92" s="389" t="s">
        <v>434</v>
      </c>
      <c r="N92" s="390"/>
      <c r="O92" s="390"/>
      <c r="P92" s="390"/>
      <c r="Q92" s="390"/>
      <c r="R92" s="390"/>
      <c r="S92" s="390"/>
      <c r="T92" s="390"/>
      <c r="U92" s="390"/>
      <c r="V92" s="390"/>
      <c r="W92" s="390"/>
      <c r="X92" s="299"/>
      <c r="Y92" s="299"/>
      <c r="Z92" s="299"/>
      <c r="AA92" s="299"/>
      <c r="AB92" s="299"/>
      <c r="AC92" s="299"/>
      <c r="AD92" s="299"/>
      <c r="AE92" s="299"/>
      <c r="AF92" s="299"/>
      <c r="AG92" s="299"/>
      <c r="AH92" s="299"/>
      <c r="AI92" s="299"/>
      <c r="AJ92" s="299"/>
      <c r="AK92" s="299"/>
      <c r="AL92" s="299"/>
      <c r="AM92" s="299"/>
      <c r="AN92" s="299"/>
      <c r="AO92" s="299"/>
      <c r="AP92" s="299"/>
      <c r="AQ92" s="299"/>
    </row>
    <row r="93" spans="1:43" ht="41.25" customHeight="1">
      <c r="A93" s="36" t="s">
        <v>70</v>
      </c>
      <c r="B93" s="37" t="s">
        <v>71</v>
      </c>
      <c r="C93" s="38" t="s">
        <v>594</v>
      </c>
      <c r="D93" s="39" t="s">
        <v>72</v>
      </c>
      <c r="E93" s="37" t="s">
        <v>312</v>
      </c>
      <c r="F93" s="88" t="s">
        <v>142</v>
      </c>
      <c r="G93" s="37" t="s">
        <v>313</v>
      </c>
      <c r="H93" s="88" t="s">
        <v>143</v>
      </c>
      <c r="I93" s="37" t="s">
        <v>314</v>
      </c>
      <c r="J93" s="88" t="s">
        <v>116</v>
      </c>
      <c r="K93" s="37" t="s">
        <v>301</v>
      </c>
      <c r="L93" s="88" t="s">
        <v>315</v>
      </c>
      <c r="M93" s="64" t="s">
        <v>71</v>
      </c>
      <c r="N93" s="65" t="s">
        <v>594</v>
      </c>
      <c r="O93" s="66" t="s">
        <v>72</v>
      </c>
      <c r="P93" s="64" t="s">
        <v>312</v>
      </c>
      <c r="Q93" s="87" t="s">
        <v>142</v>
      </c>
      <c r="R93" s="64" t="s">
        <v>316</v>
      </c>
      <c r="S93" s="87" t="s">
        <v>317</v>
      </c>
      <c r="T93" s="64" t="s">
        <v>314</v>
      </c>
      <c r="U93" s="87" t="s">
        <v>116</v>
      </c>
      <c r="V93" s="64" t="s">
        <v>301</v>
      </c>
      <c r="W93" s="87" t="s">
        <v>315</v>
      </c>
    </row>
    <row r="94" spans="1:43" ht="72">
      <c r="A94" s="40"/>
      <c r="B94" s="41" t="s">
        <v>73</v>
      </c>
      <c r="C94" s="127" t="s">
        <v>304</v>
      </c>
      <c r="D94" s="43" t="s">
        <v>75</v>
      </c>
      <c r="E94" s="41" t="s">
        <v>159</v>
      </c>
      <c r="F94" s="90" t="s">
        <v>87</v>
      </c>
      <c r="G94" s="41" t="s">
        <v>160</v>
      </c>
      <c r="H94" s="90" t="s">
        <v>87</v>
      </c>
      <c r="I94" s="41" t="s">
        <v>161</v>
      </c>
      <c r="J94" s="90" t="s">
        <v>87</v>
      </c>
      <c r="K94" s="41" t="s">
        <v>301</v>
      </c>
      <c r="L94" s="90" t="s">
        <v>87</v>
      </c>
      <c r="M94" s="67" t="s">
        <v>73</v>
      </c>
      <c r="N94" s="261" t="s">
        <v>304</v>
      </c>
      <c r="O94" s="69" t="s">
        <v>75</v>
      </c>
      <c r="P94" s="67" t="s">
        <v>159</v>
      </c>
      <c r="Q94" s="89" t="s">
        <v>87</v>
      </c>
      <c r="R94" s="67" t="s">
        <v>160</v>
      </c>
      <c r="S94" s="89" t="s">
        <v>87</v>
      </c>
      <c r="T94" s="67" t="s">
        <v>161</v>
      </c>
      <c r="U94" s="89" t="s">
        <v>87</v>
      </c>
      <c r="V94" s="67" t="s">
        <v>301</v>
      </c>
      <c r="W94" s="89" t="s">
        <v>87</v>
      </c>
    </row>
    <row r="95" spans="1:43">
      <c r="A95" s="44" t="s">
        <v>349</v>
      </c>
      <c r="B95" s="195">
        <v>13765</v>
      </c>
      <c r="C95" s="83">
        <v>4.6218854932024618</v>
      </c>
      <c r="D95" s="84">
        <v>2.9541683813995363E-2</v>
      </c>
      <c r="E95" s="197">
        <v>0.23907028799581004</v>
      </c>
      <c r="F95" s="93">
        <v>7.2704463901309612E-3</v>
      </c>
      <c r="G95" s="197">
        <v>0.17044209525032281</v>
      </c>
      <c r="H95" s="93">
        <v>6.4104343685206268E-3</v>
      </c>
      <c r="I95" s="197">
        <v>0.5804295452051893</v>
      </c>
      <c r="J95" s="93">
        <v>8.4112269517187949E-3</v>
      </c>
      <c r="K95" s="197">
        <v>1.0058071548694003E-2</v>
      </c>
      <c r="L95" s="84">
        <v>1.7126203741847147E-3</v>
      </c>
      <c r="M95" s="195">
        <v>13843</v>
      </c>
      <c r="N95" s="83">
        <v>4.5967103240332383</v>
      </c>
      <c r="O95" s="197">
        <v>3.5405588152114864E-2</v>
      </c>
      <c r="P95" s="197">
        <v>0.28846712963972082</v>
      </c>
      <c r="Q95" s="93">
        <v>7.7006102684024046E-3</v>
      </c>
      <c r="R95" s="197">
        <v>0.12828613840063616</v>
      </c>
      <c r="S95" s="93">
        <v>5.6856997465847305E-3</v>
      </c>
      <c r="T95" s="197">
        <v>0.56647253136033926</v>
      </c>
      <c r="U95" s="93">
        <v>8.4227157461731327E-3</v>
      </c>
      <c r="V95" s="197">
        <v>1.6774200599319375E-2</v>
      </c>
      <c r="W95" s="93">
        <v>2.191636005694597E-3</v>
      </c>
    </row>
    <row r="96" spans="1:43">
      <c r="A96" s="48" t="s">
        <v>350</v>
      </c>
      <c r="B96" s="48">
        <v>10100</v>
      </c>
      <c r="C96" s="179">
        <v>4.1695425903581356</v>
      </c>
      <c r="D96" s="131">
        <v>3.4448295583078915E-2</v>
      </c>
      <c r="E96" s="198">
        <v>0.34152122855695283</v>
      </c>
      <c r="F96" s="96">
        <v>9.4358768663867273E-3</v>
      </c>
      <c r="G96" s="198">
        <v>0.17469114921658968</v>
      </c>
      <c r="H96" s="96">
        <v>7.5570651502053941E-3</v>
      </c>
      <c r="I96" s="198">
        <v>0.47687708375163623</v>
      </c>
      <c r="J96" s="96">
        <v>9.9377666432826899E-3</v>
      </c>
      <c r="K96" s="198">
        <v>6.9105384748209594E-3</v>
      </c>
      <c r="L96" s="131">
        <v>1.6712430268018129E-3</v>
      </c>
      <c r="M96" s="48">
        <v>10165</v>
      </c>
      <c r="N96" s="179">
        <v>3.639621827302848</v>
      </c>
      <c r="O96" s="198">
        <v>3.8735524108903331E-2</v>
      </c>
      <c r="P96" s="198">
        <v>0.48496814217650475</v>
      </c>
      <c r="Q96" s="96">
        <v>9.9120772612238204E-3</v>
      </c>
      <c r="R96" s="198">
        <v>0.13199811931886693</v>
      </c>
      <c r="S96" s="96">
        <v>6.7164047884303987E-3</v>
      </c>
      <c r="T96" s="198">
        <v>0.36314130167084047</v>
      </c>
      <c r="U96" s="96">
        <v>9.5381482792795368E-3</v>
      </c>
      <c r="V96" s="198">
        <v>1.9892436833781689E-2</v>
      </c>
      <c r="W96" s="96">
        <v>2.7821573111958746E-3</v>
      </c>
    </row>
    <row r="97" spans="1:23">
      <c r="A97" s="44" t="s">
        <v>351</v>
      </c>
      <c r="B97" s="52">
        <v>3665</v>
      </c>
      <c r="C97" s="83">
        <v>4.9927410243324486</v>
      </c>
      <c r="D97" s="84">
        <v>4.8905180471125187E-2</v>
      </c>
      <c r="E97" s="197">
        <v>0.15555860522907791</v>
      </c>
      <c r="F97" s="93">
        <v>1.1978843463844795E-2</v>
      </c>
      <c r="G97" s="197">
        <v>0.16697852873793584</v>
      </c>
      <c r="H97" s="93">
        <v>1.2325130483906727E-2</v>
      </c>
      <c r="I97" s="197">
        <v>0.66483911980992394</v>
      </c>
      <c r="J97" s="93">
        <v>1.558830091558025E-2</v>
      </c>
      <c r="K97" s="197">
        <v>1.2623746223063092E-2</v>
      </c>
      <c r="L97" s="84">
        <v>3.7620756571589628E-3</v>
      </c>
      <c r="M97" s="52">
        <v>3678</v>
      </c>
      <c r="N97" s="83">
        <v>5.3734788863316103</v>
      </c>
      <c r="O97" s="197">
        <v>5.1390986973733115E-2</v>
      </c>
      <c r="P97" s="197">
        <v>0.12806626381766983</v>
      </c>
      <c r="Q97" s="93">
        <v>1.1028859327793969E-2</v>
      </c>
      <c r="R97" s="197">
        <v>0.12525610336156179</v>
      </c>
      <c r="S97" s="93">
        <v>1.0925254393580393E-2</v>
      </c>
      <c r="T97" s="197">
        <v>0.73244880227012543</v>
      </c>
      <c r="U97" s="93">
        <v>1.4595203895135739E-2</v>
      </c>
      <c r="V97" s="197">
        <v>1.4228830550643858E-2</v>
      </c>
      <c r="W97" s="93">
        <v>3.9742243860208465E-3</v>
      </c>
    </row>
    <row r="98" spans="1:23">
      <c r="A98" s="48" t="s">
        <v>558</v>
      </c>
      <c r="B98" s="48">
        <v>332</v>
      </c>
      <c r="C98" s="179">
        <v>5.2949720098935416</v>
      </c>
      <c r="D98" s="131">
        <v>0.15505342240815143</v>
      </c>
      <c r="E98" s="198">
        <v>9.8877608760966088E-2</v>
      </c>
      <c r="F98" s="96">
        <v>3.3257465463472323E-2</v>
      </c>
      <c r="G98" s="198">
        <v>0.17576101950615697</v>
      </c>
      <c r="H98" s="96">
        <v>4.18838105274097E-2</v>
      </c>
      <c r="I98" s="198">
        <v>0.71973464539932919</v>
      </c>
      <c r="J98" s="96">
        <v>4.914258233294444E-2</v>
      </c>
      <c r="K98" s="198">
        <v>5.6267263335481902E-3</v>
      </c>
      <c r="L98" s="131">
        <v>1.163921608254205E-2</v>
      </c>
      <c r="M98" s="48">
        <v>332</v>
      </c>
      <c r="N98" s="179">
        <v>4.9046725998435177</v>
      </c>
      <c r="O98" s="198">
        <v>0.17770298815298788</v>
      </c>
      <c r="P98" s="198">
        <v>0.21438670112990693</v>
      </c>
      <c r="Q98" s="96">
        <v>4.5033815773312003E-2</v>
      </c>
      <c r="R98" s="198">
        <v>0.16049389381202014</v>
      </c>
      <c r="S98" s="96">
        <v>4.0453332693994898E-2</v>
      </c>
      <c r="T98" s="198">
        <v>0.61644321254226253</v>
      </c>
      <c r="U98" s="96">
        <v>5.3090431663464797E-2</v>
      </c>
      <c r="V98" s="198">
        <v>8.67619251581098E-3</v>
      </c>
      <c r="W98" s="96">
        <v>1.3054054991374303E-2</v>
      </c>
    </row>
    <row r="99" spans="1:23">
      <c r="A99" s="44" t="s">
        <v>559</v>
      </c>
      <c r="B99" s="52">
        <v>3584</v>
      </c>
      <c r="C99" s="83">
        <v>4.5059185738033838</v>
      </c>
      <c r="D99" s="84">
        <v>5.7707523633670058E-2</v>
      </c>
      <c r="E99" s="197">
        <v>0.25977861964014776</v>
      </c>
      <c r="F99" s="93">
        <v>1.464641915327526E-2</v>
      </c>
      <c r="G99" s="197">
        <v>0.18031307214947204</v>
      </c>
      <c r="H99" s="93">
        <v>1.284623110256107E-2</v>
      </c>
      <c r="I99" s="197">
        <v>0.54895603037498941</v>
      </c>
      <c r="J99" s="93">
        <v>1.6614477303991827E-2</v>
      </c>
      <c r="K99" s="197">
        <v>1.0952277835402861E-2</v>
      </c>
      <c r="L99" s="84">
        <v>3.5595412405457125E-3</v>
      </c>
      <c r="M99" s="52">
        <v>3606</v>
      </c>
      <c r="N99" s="83">
        <v>4.516556905944662</v>
      </c>
      <c r="O99" s="197">
        <v>6.6830299343578023E-2</v>
      </c>
      <c r="P99" s="197">
        <v>0.30151354889600079</v>
      </c>
      <c r="Q99" s="93">
        <v>1.5279134521943787E-2</v>
      </c>
      <c r="R99" s="197">
        <v>0.1477112696420792</v>
      </c>
      <c r="S99" s="93">
        <v>1.1823612612573428E-2</v>
      </c>
      <c r="T99" s="197">
        <v>0.5373353256338973</v>
      </c>
      <c r="U99" s="93">
        <v>1.659720501058037E-2</v>
      </c>
      <c r="V99" s="197">
        <v>1.3439855828035868E-2</v>
      </c>
      <c r="W99" s="93">
        <v>3.9080240973445582E-3</v>
      </c>
    </row>
    <row r="100" spans="1:23">
      <c r="A100" s="48" t="s">
        <v>560</v>
      </c>
      <c r="B100" s="48">
        <v>2941</v>
      </c>
      <c r="C100" s="179">
        <v>3.9530066635227268</v>
      </c>
      <c r="D100" s="131">
        <v>6.2696822752232095E-2</v>
      </c>
      <c r="E100" s="198">
        <v>0.38741844370863704</v>
      </c>
      <c r="F100" s="96">
        <v>1.7955228226768205E-2</v>
      </c>
      <c r="G100" s="198">
        <v>0.17824659956940059</v>
      </c>
      <c r="H100" s="96">
        <v>1.4118382888096925E-2</v>
      </c>
      <c r="I100" s="198">
        <v>0.42895429479869579</v>
      </c>
      <c r="J100" s="96">
        <v>1.8240655344277042E-2</v>
      </c>
      <c r="K100" s="198">
        <v>5.3806619232619002E-3</v>
      </c>
      <c r="L100" s="131">
        <v>2.858481786298479E-3</v>
      </c>
      <c r="M100" s="48">
        <v>2961</v>
      </c>
      <c r="N100" s="179">
        <v>3.4414754013641997</v>
      </c>
      <c r="O100" s="198">
        <v>6.7787217649300943E-2</v>
      </c>
      <c r="P100" s="198">
        <v>0.5283970980164584</v>
      </c>
      <c r="Q100" s="96">
        <v>1.8335298631029274E-2</v>
      </c>
      <c r="R100" s="198">
        <v>0.1408274663903078</v>
      </c>
      <c r="S100" s="96">
        <v>1.2794546175020341E-2</v>
      </c>
      <c r="T100" s="198">
        <v>0.31573253122241096</v>
      </c>
      <c r="U100" s="96">
        <v>1.7075847160469552E-2</v>
      </c>
      <c r="V100" s="198">
        <v>1.5042904370819059E-2</v>
      </c>
      <c r="W100" s="96">
        <v>4.5655423619982132E-3</v>
      </c>
    </row>
    <row r="101" spans="1:23">
      <c r="A101" s="44" t="s">
        <v>368</v>
      </c>
      <c r="B101" s="52">
        <v>159</v>
      </c>
      <c r="C101" s="83">
        <v>4.3058564321617752</v>
      </c>
      <c r="D101" s="84">
        <v>0.2546497379017717</v>
      </c>
      <c r="E101" s="197">
        <v>0.30272074027636675</v>
      </c>
      <c r="F101" s="93">
        <v>7.2292452502102381E-2</v>
      </c>
      <c r="G101" s="197">
        <v>0.1698668189062279</v>
      </c>
      <c r="H101" s="93">
        <v>5.9917233270300824E-2</v>
      </c>
      <c r="I101" s="197">
        <v>0.51023936623702015</v>
      </c>
      <c r="J101" s="93">
        <v>7.8310415511935016E-2</v>
      </c>
      <c r="K101" s="197">
        <v>1.7173074580385174E-2</v>
      </c>
      <c r="L101" s="84">
        <v>2.6296719108840762E-2</v>
      </c>
      <c r="M101" s="52">
        <v>159</v>
      </c>
      <c r="N101" s="83">
        <v>4.5141730568649363</v>
      </c>
      <c r="O101" s="197">
        <v>0.29276163639231867</v>
      </c>
      <c r="P101" s="197">
        <v>0.29333374298970605</v>
      </c>
      <c r="Q101" s="93">
        <v>7.1677460924650993E-2</v>
      </c>
      <c r="R101" s="197">
        <v>0.14448193156796757</v>
      </c>
      <c r="S101" s="93">
        <v>5.6423927955923395E-2</v>
      </c>
      <c r="T101" s="197">
        <v>0.55119780666117146</v>
      </c>
      <c r="U101" s="93">
        <v>7.7934352536684751E-2</v>
      </c>
      <c r="V101" s="197">
        <v>1.0986518781155152E-2</v>
      </c>
      <c r="W101" s="93">
        <v>2.3476109434929775E-2</v>
      </c>
    </row>
    <row r="102" spans="1:23">
      <c r="A102" s="48" t="s">
        <v>150</v>
      </c>
      <c r="B102" s="48">
        <v>271</v>
      </c>
      <c r="C102" s="179">
        <v>4.4184176819857424</v>
      </c>
      <c r="D102" s="131">
        <v>0.20015773587192859</v>
      </c>
      <c r="E102" s="198">
        <v>0.26943818597581093</v>
      </c>
      <c r="F102" s="96">
        <v>5.3716622038259124E-2</v>
      </c>
      <c r="G102" s="198">
        <v>0.22471786380116804</v>
      </c>
      <c r="H102" s="96">
        <v>5.0655087388754863E-2</v>
      </c>
      <c r="I102" s="198">
        <v>0.50548832302290836</v>
      </c>
      <c r="J102" s="96">
        <v>6.0298740913117738E-2</v>
      </c>
      <c r="K102" s="198">
        <v>3.5562720011133399E-4</v>
      </c>
      <c r="L102" s="131">
        <v>1.0489869616401765E-2</v>
      </c>
      <c r="M102" s="48">
        <v>272</v>
      </c>
      <c r="N102" s="179">
        <v>3.1937794437621223</v>
      </c>
      <c r="O102" s="198">
        <v>0.21872079831336436</v>
      </c>
      <c r="P102" s="198">
        <v>0.54573404661516878</v>
      </c>
      <c r="Q102" s="96">
        <v>5.994787395567551E-2</v>
      </c>
      <c r="R102" s="198">
        <v>0.19870325901058783</v>
      </c>
      <c r="S102" s="96">
        <v>4.8429315429280244E-2</v>
      </c>
      <c r="T102" s="198">
        <v>0.23537780041391668</v>
      </c>
      <c r="U102" s="96">
        <v>5.1356962040787504E-2</v>
      </c>
      <c r="V102" s="198">
        <v>2.0184893960324465E-2</v>
      </c>
      <c r="W102" s="96">
        <v>1.9561210167134285E-2</v>
      </c>
    </row>
    <row r="103" spans="1:23">
      <c r="A103" s="44" t="s">
        <v>352</v>
      </c>
      <c r="B103" s="52">
        <v>121</v>
      </c>
      <c r="C103" s="83">
        <v>4.0757403113295814</v>
      </c>
      <c r="D103" s="84">
        <v>0.30389871893864412</v>
      </c>
      <c r="E103" s="197">
        <v>0.33404000261142541</v>
      </c>
      <c r="F103" s="93">
        <v>8.4700282813729363E-2</v>
      </c>
      <c r="G103" s="197">
        <v>0.25669659120620975</v>
      </c>
      <c r="H103" s="93">
        <v>7.8898702270125576E-2</v>
      </c>
      <c r="I103" s="197">
        <v>0.40841050220193043</v>
      </c>
      <c r="J103" s="93">
        <v>8.8025386636459035E-2</v>
      </c>
      <c r="K103" s="197">
        <v>8.5290398043314734E-4</v>
      </c>
      <c r="L103" s="84">
        <v>2.3007831616734652E-2</v>
      </c>
      <c r="M103" s="52">
        <v>120</v>
      </c>
      <c r="N103" s="83">
        <v>3.3788927559577013</v>
      </c>
      <c r="O103" s="197">
        <v>0.34196806714170636</v>
      </c>
      <c r="P103" s="197">
        <v>0.47168170901000456</v>
      </c>
      <c r="Q103" s="93">
        <v>8.9667661855437633E-2</v>
      </c>
      <c r="R103" s="197">
        <v>0.22672830388216941</v>
      </c>
      <c r="S103" s="93">
        <v>7.6213361398561039E-2</v>
      </c>
      <c r="T103" s="197">
        <v>0.27515513285182708</v>
      </c>
      <c r="U103" s="93">
        <v>8.085307374657455E-2</v>
      </c>
      <c r="V103" s="197">
        <v>2.6434854255997463E-2</v>
      </c>
      <c r="W103" s="93">
        <v>3.5908184575942817E-2</v>
      </c>
    </row>
    <row r="104" spans="1:23">
      <c r="A104" s="48" t="s">
        <v>353</v>
      </c>
      <c r="B104" s="48">
        <v>115</v>
      </c>
      <c r="C104" s="179">
        <v>4.4271584533760464</v>
      </c>
      <c r="D104" s="131">
        <v>0.3025085782635909</v>
      </c>
      <c r="E104" s="198">
        <v>0.27476771995928412</v>
      </c>
      <c r="F104" s="96">
        <v>8.2528018047986262E-2</v>
      </c>
      <c r="G104" s="198">
        <v>0.19763132674028697</v>
      </c>
      <c r="H104" s="96">
        <v>7.4386279132930583E-2</v>
      </c>
      <c r="I104" s="198">
        <v>0.52760095330042744</v>
      </c>
      <c r="J104" s="96">
        <v>9.1539318076062789E-2</v>
      </c>
      <c r="K104" s="198">
        <v>0</v>
      </c>
      <c r="L104" s="131">
        <v>2.3567715249216942E-2</v>
      </c>
      <c r="M104" s="48">
        <v>117</v>
      </c>
      <c r="N104" s="179">
        <v>2.5260636884796268</v>
      </c>
      <c r="O104" s="198">
        <v>0.286961234483601</v>
      </c>
      <c r="P104" s="198">
        <v>0.75434720836060842</v>
      </c>
      <c r="Q104" s="96">
        <v>7.9151281134060059E-2</v>
      </c>
      <c r="R104" s="198">
        <v>0.14232969672664825</v>
      </c>
      <c r="S104" s="96">
        <v>6.5653788734971713E-2</v>
      </c>
      <c r="T104" s="198">
        <v>0.10332309491274259</v>
      </c>
      <c r="U104" s="96">
        <v>5.8317724848675631E-2</v>
      </c>
      <c r="V104" s="198">
        <v>0</v>
      </c>
      <c r="W104" s="96">
        <v>2.3181440451602572E-2</v>
      </c>
    </row>
    <row r="105" spans="1:23">
      <c r="A105" s="44" t="s">
        <v>369</v>
      </c>
      <c r="B105" s="195">
        <v>423</v>
      </c>
      <c r="C105" s="83">
        <v>4.0388205519896561</v>
      </c>
      <c r="D105" s="84">
        <v>0.15875246676892812</v>
      </c>
      <c r="E105" s="197">
        <v>0.37058998376546753</v>
      </c>
      <c r="F105" s="93">
        <v>4.6775695597194959E-2</v>
      </c>
      <c r="G105" s="197">
        <v>0.20250119029070932</v>
      </c>
      <c r="H105" s="93">
        <v>3.909333993445023E-2</v>
      </c>
      <c r="I105" s="197">
        <v>0.41831756686721489</v>
      </c>
      <c r="J105" s="93">
        <v>4.7755465848416896E-2</v>
      </c>
      <c r="K105" s="197">
        <v>8.5912590766090129E-3</v>
      </c>
      <c r="L105" s="84">
        <v>1.1044097964818606E-2</v>
      </c>
      <c r="M105" s="195">
        <v>426</v>
      </c>
      <c r="N105" s="83">
        <v>3.0744104363330216</v>
      </c>
      <c r="O105" s="197">
        <v>0.1754577685152722</v>
      </c>
      <c r="P105" s="197">
        <v>0.59041158833944596</v>
      </c>
      <c r="Q105" s="93">
        <v>4.7444176893403821E-2</v>
      </c>
      <c r="R105" s="197">
        <v>0.15485979161515037</v>
      </c>
      <c r="S105" s="93">
        <v>3.5185111467601414E-2</v>
      </c>
      <c r="T105" s="197">
        <v>0.21812575954545216</v>
      </c>
      <c r="U105" s="93">
        <v>4.000212020065564E-2</v>
      </c>
      <c r="V105" s="197">
        <v>3.6602860499951213E-2</v>
      </c>
      <c r="W105" s="93">
        <v>1.9105487948935081E-2</v>
      </c>
    </row>
    <row r="106" spans="1:23">
      <c r="A106" s="48" t="s">
        <v>354</v>
      </c>
      <c r="B106" s="196">
        <v>71</v>
      </c>
      <c r="C106" s="179">
        <v>3.9937335479640321</v>
      </c>
      <c r="D106" s="131">
        <v>0.40308951787449121</v>
      </c>
      <c r="E106" s="198">
        <v>0.33778509207456348</v>
      </c>
      <c r="F106" s="96">
        <v>0.1098892213096016</v>
      </c>
      <c r="G106" s="198">
        <v>0.2668461426999082</v>
      </c>
      <c r="H106" s="96">
        <v>0.10361032888020809</v>
      </c>
      <c r="I106" s="198">
        <v>0.37783226941403519</v>
      </c>
      <c r="J106" s="96">
        <v>0.1123386754501435</v>
      </c>
      <c r="K106" s="198">
        <v>1.7536495811493847E-2</v>
      </c>
      <c r="L106" s="131">
        <v>4.6986961611676994E-2</v>
      </c>
      <c r="M106" s="196">
        <v>71</v>
      </c>
      <c r="N106" s="179">
        <v>1.9672267336451412</v>
      </c>
      <c r="O106" s="198">
        <v>0.34495209238740937</v>
      </c>
      <c r="P106" s="198">
        <v>0.86180260424856758</v>
      </c>
      <c r="Q106" s="96">
        <v>8.4123503236550587E-2</v>
      </c>
      <c r="R106" s="198">
        <v>5.0198059792496592E-2</v>
      </c>
      <c r="S106" s="96">
        <v>6.0523807745937339E-2</v>
      </c>
      <c r="T106" s="198">
        <v>8.799933595893579E-2</v>
      </c>
      <c r="U106" s="96">
        <v>7.2250936391457327E-2</v>
      </c>
      <c r="V106" s="198">
        <v>0</v>
      </c>
      <c r="W106" s="96">
        <v>3.7206132509255738E-2</v>
      </c>
    </row>
    <row r="107" spans="1:23">
      <c r="A107" s="44" t="s">
        <v>355</v>
      </c>
      <c r="B107" s="53">
        <v>76</v>
      </c>
      <c r="C107" s="83">
        <v>4.8185829975495533</v>
      </c>
      <c r="D107" s="84">
        <v>0.38229770830829962</v>
      </c>
      <c r="E107" s="197">
        <v>0.20274091905320546</v>
      </c>
      <c r="F107" s="93">
        <v>9.2263868202072205E-2</v>
      </c>
      <c r="G107" s="197">
        <v>0.13141092483443917</v>
      </c>
      <c r="H107" s="93">
        <v>7.9808595882871036E-2</v>
      </c>
      <c r="I107" s="197">
        <v>0.64633242218785358</v>
      </c>
      <c r="J107" s="93">
        <v>0.10739520637591647</v>
      </c>
      <c r="K107" s="197">
        <v>1.9515733924502E-2</v>
      </c>
      <c r="L107" s="84">
        <v>4.563125037933749E-2</v>
      </c>
      <c r="M107" s="53">
        <v>76</v>
      </c>
      <c r="N107" s="83">
        <v>2.9792880478359756</v>
      </c>
      <c r="O107" s="197">
        <v>0.41397596420847155</v>
      </c>
      <c r="P107" s="197">
        <v>0.61465111907845438</v>
      </c>
      <c r="Q107" s="93">
        <v>0.10911845549834533</v>
      </c>
      <c r="R107" s="197">
        <v>0.14322279799936069</v>
      </c>
      <c r="S107" s="93">
        <v>8.219513379442453E-2</v>
      </c>
      <c r="T107" s="197">
        <v>0.22147901523264288</v>
      </c>
      <c r="U107" s="93">
        <v>9.4865568066714812E-2</v>
      </c>
      <c r="V107" s="197">
        <v>2.0647067689541984E-2</v>
      </c>
      <c r="W107" s="93">
        <v>4.6165052568226499E-2</v>
      </c>
    </row>
    <row r="108" spans="1:23">
      <c r="A108" s="48" t="s">
        <v>356</v>
      </c>
      <c r="B108" s="196">
        <v>66</v>
      </c>
      <c r="C108" s="179">
        <v>3.6085873076733832</v>
      </c>
      <c r="D108" s="131">
        <v>0.39575128164426321</v>
      </c>
      <c r="E108" s="198">
        <v>0.47860925630927886</v>
      </c>
      <c r="F108" s="96">
        <v>0.11942558592027883</v>
      </c>
      <c r="G108" s="198">
        <v>0.29720168831315674</v>
      </c>
      <c r="H108" s="96">
        <v>0.11043777778496455</v>
      </c>
      <c r="I108" s="198">
        <v>0.22297462898030523</v>
      </c>
      <c r="J108" s="96">
        <v>0.1019178911065612</v>
      </c>
      <c r="K108" s="198">
        <v>1.2144263972589224E-3</v>
      </c>
      <c r="L108" s="131">
        <v>4.0590914696824333E-2</v>
      </c>
      <c r="M108" s="196">
        <v>67</v>
      </c>
      <c r="N108" s="179">
        <v>3.3853761832808371</v>
      </c>
      <c r="O108" s="198">
        <v>0.43641767898716527</v>
      </c>
      <c r="P108" s="198">
        <v>0.54451829373507088</v>
      </c>
      <c r="Q108" s="96">
        <v>0.11825852352195046</v>
      </c>
      <c r="R108" s="198">
        <v>0.16848531181305582</v>
      </c>
      <c r="S108" s="96">
        <v>9.2578861144624436E-2</v>
      </c>
      <c r="T108" s="198">
        <v>0.22901630064252707</v>
      </c>
      <c r="U108" s="96">
        <v>0.10198282366788518</v>
      </c>
      <c r="V108" s="198">
        <v>5.7980093809346232E-2</v>
      </c>
      <c r="W108" s="96">
        <v>6.5440261724349413E-2</v>
      </c>
    </row>
    <row r="109" spans="1:23">
      <c r="A109" s="56" t="s">
        <v>357</v>
      </c>
      <c r="B109" s="195">
        <v>53</v>
      </c>
      <c r="C109" s="83">
        <v>4.3898227948871744</v>
      </c>
      <c r="D109" s="84">
        <v>0.36233961478151155</v>
      </c>
      <c r="E109" s="197">
        <v>0.28177672768876749</v>
      </c>
      <c r="F109" s="93">
        <v>0.12105611059379702</v>
      </c>
      <c r="G109" s="197">
        <v>0.21998314881674152</v>
      </c>
      <c r="H109" s="93">
        <v>0.1130779150134134</v>
      </c>
      <c r="I109" s="197">
        <v>0.49824012349449093</v>
      </c>
      <c r="J109" s="93">
        <v>0.13245252635720267</v>
      </c>
      <c r="K109" s="197">
        <v>0</v>
      </c>
      <c r="L109" s="84">
        <v>4.8743201957104715E-2</v>
      </c>
      <c r="M109" s="195">
        <v>53</v>
      </c>
      <c r="N109" s="83">
        <v>3.1223737142474319</v>
      </c>
      <c r="O109" s="197">
        <v>0.43889813144701179</v>
      </c>
      <c r="P109" s="197">
        <v>0.56670856957364879</v>
      </c>
      <c r="Q109" s="93">
        <v>0.13143008767048778</v>
      </c>
      <c r="R109" s="197">
        <v>0.2422054567196428</v>
      </c>
      <c r="S109" s="93">
        <v>0.11623996266013636</v>
      </c>
      <c r="T109" s="197">
        <v>0.1779653196958694</v>
      </c>
      <c r="U109" s="93">
        <v>0.10607452805529677</v>
      </c>
      <c r="V109" s="197">
        <v>1.3120654010839179E-2</v>
      </c>
      <c r="W109" s="93">
        <v>5.6227299431089915E-2</v>
      </c>
    </row>
    <row r="110" spans="1:23">
      <c r="A110" s="48" t="s">
        <v>358</v>
      </c>
      <c r="B110" s="196">
        <v>97</v>
      </c>
      <c r="C110" s="179">
        <v>3.2751711029005417</v>
      </c>
      <c r="D110" s="131">
        <v>0.34155910801646894</v>
      </c>
      <c r="E110" s="198">
        <v>0.51331911622024817</v>
      </c>
      <c r="F110" s="96">
        <v>9.9471150958262949E-2</v>
      </c>
      <c r="G110" s="198">
        <v>0.19821026110821438</v>
      </c>
      <c r="H110" s="96">
        <v>8.1080359852714737E-2</v>
      </c>
      <c r="I110" s="198">
        <v>0.27690710267751373</v>
      </c>
      <c r="J110" s="96">
        <v>8.9905056339334447E-2</v>
      </c>
      <c r="K110" s="198">
        <v>1.156351999402336E-2</v>
      </c>
      <c r="L110" s="131">
        <v>3.4441664290272817E-2</v>
      </c>
      <c r="M110" s="196">
        <v>97</v>
      </c>
      <c r="N110" s="179">
        <v>2.3971058945766268</v>
      </c>
      <c r="O110" s="198">
        <v>0.31354223804456099</v>
      </c>
      <c r="P110" s="198">
        <v>0.71553299491402955</v>
      </c>
      <c r="Q110" s="96">
        <v>9.0576203378755521E-2</v>
      </c>
      <c r="R110" s="198">
        <v>7.6462167767072153E-2</v>
      </c>
      <c r="S110" s="96">
        <v>5.7863958644499905E-2</v>
      </c>
      <c r="T110" s="198">
        <v>0.15774079254884607</v>
      </c>
      <c r="U110" s="96">
        <v>7.4979449523576852E-2</v>
      </c>
      <c r="V110" s="198">
        <v>5.0264044770051856E-2</v>
      </c>
      <c r="W110" s="96">
        <v>5.0125037227540935E-2</v>
      </c>
    </row>
    <row r="111" spans="1:23">
      <c r="A111" s="56" t="s">
        <v>359</v>
      </c>
      <c r="B111" s="195">
        <v>114</v>
      </c>
      <c r="C111" s="83">
        <v>3.7292752388972277</v>
      </c>
      <c r="D111" s="84">
        <v>0.29686299059996407</v>
      </c>
      <c r="E111" s="197">
        <v>0.46391796204816915</v>
      </c>
      <c r="F111" s="93">
        <v>9.1833463092374695E-2</v>
      </c>
      <c r="G111" s="197">
        <v>0.17975287596890743</v>
      </c>
      <c r="H111" s="93">
        <v>7.2316871017046896E-2</v>
      </c>
      <c r="I111" s="197">
        <v>0.35632916198292264</v>
      </c>
      <c r="J111" s="93">
        <v>8.8439270037919196E-2</v>
      </c>
      <c r="K111" s="197">
        <v>0</v>
      </c>
      <c r="L111" s="84">
        <v>2.3765720057393202E-2</v>
      </c>
      <c r="M111" s="195">
        <v>116</v>
      </c>
      <c r="N111" s="83">
        <v>3.6107348046565293</v>
      </c>
      <c r="O111" s="197">
        <v>0.35381870127739046</v>
      </c>
      <c r="P111" s="197">
        <v>0.46566187080953375</v>
      </c>
      <c r="Q111" s="93">
        <v>9.1085708704451804E-2</v>
      </c>
      <c r="R111" s="197">
        <v>0.16130415765838335</v>
      </c>
      <c r="S111" s="93">
        <v>6.8994039271788848E-2</v>
      </c>
      <c r="T111" s="197">
        <v>0.31484770011985985</v>
      </c>
      <c r="U111" s="93">
        <v>8.5238090150817181E-2</v>
      </c>
      <c r="V111" s="197">
        <v>5.8186271412222358E-2</v>
      </c>
      <c r="W111" s="93">
        <v>4.7468246378043172E-2</v>
      </c>
    </row>
    <row r="112" spans="1:23">
      <c r="A112" s="48" t="s">
        <v>371</v>
      </c>
      <c r="B112" s="196">
        <v>178</v>
      </c>
      <c r="C112" s="179">
        <v>3.9379435773634097</v>
      </c>
      <c r="D112" s="131">
        <v>0.2289076373454717</v>
      </c>
      <c r="E112" s="198">
        <v>0.37369540325455408</v>
      </c>
      <c r="F112" s="96">
        <v>7.1827122629330956E-2</v>
      </c>
      <c r="G112" s="198">
        <v>0.21394541764654978</v>
      </c>
      <c r="H112" s="96">
        <v>6.1435224832845407E-2</v>
      </c>
      <c r="I112" s="198">
        <v>0.41235917909889702</v>
      </c>
      <c r="J112" s="96">
        <v>7.3027617678767642E-2</v>
      </c>
      <c r="K112" s="198">
        <v>0</v>
      </c>
      <c r="L112" s="131">
        <v>1.5455183437532818E-2</v>
      </c>
      <c r="M112" s="196">
        <v>180</v>
      </c>
      <c r="N112" s="179">
        <v>2.2772257948856423</v>
      </c>
      <c r="O112" s="198">
        <v>0.21562442714895738</v>
      </c>
      <c r="P112" s="198">
        <v>0.78643938461019114</v>
      </c>
      <c r="Q112" s="96">
        <v>6.1056101722529892E-2</v>
      </c>
      <c r="R112" s="198">
        <v>8.0020344358190429E-2</v>
      </c>
      <c r="S112" s="96">
        <v>4.2015151073549403E-2</v>
      </c>
      <c r="T112" s="198">
        <v>0.12420571889235127</v>
      </c>
      <c r="U112" s="96">
        <v>4.9967810694492173E-2</v>
      </c>
      <c r="V112" s="198">
        <v>9.3345521392675657E-3</v>
      </c>
      <c r="W112" s="96">
        <v>2.0642476583136365E-2</v>
      </c>
    </row>
    <row r="113" spans="1:23">
      <c r="A113" s="56" t="s">
        <v>360</v>
      </c>
      <c r="B113" s="195">
        <v>100</v>
      </c>
      <c r="C113" s="83">
        <v>3.8964041565526841</v>
      </c>
      <c r="D113" s="84">
        <v>0.30481534466531424</v>
      </c>
      <c r="E113" s="197">
        <v>0.347098652813007</v>
      </c>
      <c r="F113" s="93">
        <v>9.3723194094492909E-2</v>
      </c>
      <c r="G113" s="197">
        <v>0.24371434432406161</v>
      </c>
      <c r="H113" s="93">
        <v>8.5321335360215078E-2</v>
      </c>
      <c r="I113" s="197">
        <v>0.40918700286293147</v>
      </c>
      <c r="J113" s="93">
        <v>9.6551139198972E-2</v>
      </c>
      <c r="K113" s="197">
        <v>0</v>
      </c>
      <c r="L113" s="84">
        <v>2.693364120714959E-2</v>
      </c>
      <c r="M113" s="195">
        <v>103</v>
      </c>
      <c r="N113" s="83">
        <v>2.0402401768747183</v>
      </c>
      <c r="O113" s="197">
        <v>0.25026449782585153</v>
      </c>
      <c r="P113" s="197">
        <v>0.86048374498137847</v>
      </c>
      <c r="Q113" s="93">
        <v>6.9601172041670531E-2</v>
      </c>
      <c r="R113" s="197">
        <v>5.684587519303614E-2</v>
      </c>
      <c r="S113" s="93">
        <v>5.0427335091678918E-2</v>
      </c>
      <c r="T113" s="197">
        <v>7.4270229420003761E-2</v>
      </c>
      <c r="U113" s="93">
        <v>5.5383779698504741E-2</v>
      </c>
      <c r="V113" s="197">
        <v>8.4001504055817404E-3</v>
      </c>
      <c r="W113" s="93">
        <v>3.1212667487391682E-2</v>
      </c>
    </row>
    <row r="114" spans="1:23">
      <c r="A114" s="48" t="s">
        <v>370</v>
      </c>
      <c r="B114" s="196">
        <v>289</v>
      </c>
      <c r="C114" s="179">
        <v>3.5101600449351431</v>
      </c>
      <c r="D114" s="131">
        <v>0.19041020399362121</v>
      </c>
      <c r="E114" s="198">
        <v>0.47889521158517334</v>
      </c>
      <c r="F114" s="96">
        <v>5.8369970576093402E-2</v>
      </c>
      <c r="G114" s="198">
        <v>0.2435080268783372</v>
      </c>
      <c r="H114" s="96">
        <v>5.0390403433919574E-2</v>
      </c>
      <c r="I114" s="198">
        <v>0.27759676153648838</v>
      </c>
      <c r="J114" s="96">
        <v>5.2497763573353076E-2</v>
      </c>
      <c r="K114" s="198">
        <v>0</v>
      </c>
      <c r="L114" s="131">
        <v>9.6203319457950059E-3</v>
      </c>
      <c r="M114" s="196">
        <v>291</v>
      </c>
      <c r="N114" s="179">
        <v>2.5989517640490614</v>
      </c>
      <c r="O114" s="198">
        <v>0.18536374866417643</v>
      </c>
      <c r="P114" s="198">
        <v>0.71427686439685056</v>
      </c>
      <c r="Q114" s="96">
        <v>5.2763896844928306E-2</v>
      </c>
      <c r="R114" s="198">
        <v>0.14102901951288513</v>
      </c>
      <c r="S114" s="96">
        <v>4.1105182402375956E-2</v>
      </c>
      <c r="T114" s="198">
        <v>0.12827811137370515</v>
      </c>
      <c r="U114" s="96">
        <v>3.9581644472482601E-2</v>
      </c>
      <c r="V114" s="198">
        <v>1.6416004716558134E-2</v>
      </c>
      <c r="W114" s="96">
        <v>1.7445435953295292E-2</v>
      </c>
    </row>
    <row r="115" spans="1:23">
      <c r="A115" s="56" t="s">
        <v>361</v>
      </c>
      <c r="B115" s="195">
        <v>125</v>
      </c>
      <c r="C115" s="83">
        <v>3.6680643492467815</v>
      </c>
      <c r="D115" s="84">
        <v>0.2983722204486936</v>
      </c>
      <c r="E115" s="197">
        <v>0.46451455667374636</v>
      </c>
      <c r="F115" s="93">
        <v>8.7836646050260689E-2</v>
      </c>
      <c r="G115" s="197">
        <v>0.19611681572547832</v>
      </c>
      <c r="H115" s="93">
        <v>7.1157221592229633E-2</v>
      </c>
      <c r="I115" s="197">
        <v>0.33936862760077491</v>
      </c>
      <c r="J115" s="93">
        <v>8.3670246966914524E-2</v>
      </c>
      <c r="K115" s="197">
        <v>0</v>
      </c>
      <c r="L115" s="84">
        <v>2.1755160342254897E-2</v>
      </c>
      <c r="M115" s="195">
        <v>126</v>
      </c>
      <c r="N115" s="83">
        <v>2.7086798556688976</v>
      </c>
      <c r="O115" s="197">
        <v>0.29877831088993256</v>
      </c>
      <c r="P115" s="197">
        <v>0.69163982249768519</v>
      </c>
      <c r="Q115" s="93">
        <v>8.1429433155800604E-2</v>
      </c>
      <c r="R115" s="197">
        <v>0.12787212341350887</v>
      </c>
      <c r="S115" s="93">
        <v>6.0741959439660639E-2</v>
      </c>
      <c r="T115" s="197">
        <v>0.16123797769053172</v>
      </c>
      <c r="U115" s="93">
        <v>6.6145243414978974E-2</v>
      </c>
      <c r="V115" s="197">
        <v>1.9250076398273731E-2</v>
      </c>
      <c r="W115" s="93">
        <v>3.1808802838373867E-2</v>
      </c>
    </row>
    <row r="116" spans="1:23">
      <c r="A116" s="48" t="s">
        <v>375</v>
      </c>
      <c r="B116" s="196">
        <v>110</v>
      </c>
      <c r="C116" s="179">
        <v>3.5230337984111766</v>
      </c>
      <c r="D116" s="131">
        <v>0.28159575607331477</v>
      </c>
      <c r="E116" s="198">
        <v>0.45869307399895043</v>
      </c>
      <c r="F116" s="96">
        <v>9.3360530165961964E-2</v>
      </c>
      <c r="G116" s="198">
        <v>0.29189822731422571</v>
      </c>
      <c r="H116" s="96">
        <v>8.5773953767541156E-2</v>
      </c>
      <c r="I116" s="198">
        <v>0.24940869868682355</v>
      </c>
      <c r="J116" s="96">
        <v>8.1978479288905629E-2</v>
      </c>
      <c r="K116" s="198">
        <v>0</v>
      </c>
      <c r="L116" s="131">
        <v>2.4592162949139032E-2</v>
      </c>
      <c r="M116" s="196">
        <v>111</v>
      </c>
      <c r="N116" s="179">
        <v>2.5235424049201751</v>
      </c>
      <c r="O116" s="198">
        <v>0.26898504352770669</v>
      </c>
      <c r="P116" s="198">
        <v>0.74566256498691175</v>
      </c>
      <c r="Q116" s="96">
        <v>8.2097536551932263E-2</v>
      </c>
      <c r="R116" s="198">
        <v>0.18113703458938862</v>
      </c>
      <c r="S116" s="96">
        <v>7.3490927445616E-2</v>
      </c>
      <c r="T116" s="198">
        <v>7.3200400423699741E-2</v>
      </c>
      <c r="U116" s="96">
        <v>5.2847138221513337E-2</v>
      </c>
      <c r="V116" s="198">
        <v>0</v>
      </c>
      <c r="W116" s="96">
        <v>2.4380210707016403E-2</v>
      </c>
    </row>
    <row r="117" spans="1:23">
      <c r="A117" s="56" t="s">
        <v>358</v>
      </c>
      <c r="B117" s="195">
        <v>97</v>
      </c>
      <c r="C117" s="83">
        <v>3.2751711029005417</v>
      </c>
      <c r="D117" s="84">
        <v>0.34155910801646894</v>
      </c>
      <c r="E117" s="197">
        <v>0.51331911622024817</v>
      </c>
      <c r="F117" s="93">
        <v>9.9471150958262949E-2</v>
      </c>
      <c r="G117" s="197">
        <v>0.19821026110821438</v>
      </c>
      <c r="H117" s="93">
        <v>8.1080359852714737E-2</v>
      </c>
      <c r="I117" s="197">
        <v>0.27690710267751373</v>
      </c>
      <c r="J117" s="93">
        <v>8.9905056339334447E-2</v>
      </c>
      <c r="K117" s="197">
        <v>1.156351999402336E-2</v>
      </c>
      <c r="L117" s="84">
        <v>3.4441664290272817E-2</v>
      </c>
      <c r="M117" s="195">
        <v>97</v>
      </c>
      <c r="N117" s="83">
        <v>2.3971058945766268</v>
      </c>
      <c r="O117" s="197">
        <v>0.31354223804456099</v>
      </c>
      <c r="P117" s="197">
        <v>0.71553299491402955</v>
      </c>
      <c r="Q117" s="93">
        <v>9.0576203378755521E-2</v>
      </c>
      <c r="R117" s="197">
        <v>7.6462167767072153E-2</v>
      </c>
      <c r="S117" s="93">
        <v>5.7863958644499905E-2</v>
      </c>
      <c r="T117" s="197">
        <v>0.15774079254884607</v>
      </c>
      <c r="U117" s="93">
        <v>7.4979449523576852E-2</v>
      </c>
      <c r="V117" s="197">
        <v>5.0264044770051856E-2</v>
      </c>
      <c r="W117" s="93">
        <v>5.0125037227540935E-2</v>
      </c>
    </row>
    <row r="119" spans="1:23" ht="18.75">
      <c r="A119" s="340" t="s">
        <v>436</v>
      </c>
      <c r="B119" s="340"/>
      <c r="C119" s="340"/>
      <c r="D119" s="340"/>
    </row>
    <row r="120" spans="1:23" ht="135.75" customHeight="1">
      <c r="A120" s="394" t="s">
        <v>603</v>
      </c>
      <c r="B120" s="394"/>
      <c r="C120" s="394"/>
      <c r="D120" s="394"/>
    </row>
    <row r="121" spans="1:23" ht="15.75">
      <c r="A121" s="404" t="s">
        <v>437</v>
      </c>
      <c r="B121" s="346"/>
      <c r="C121" s="346"/>
      <c r="D121" s="346"/>
    </row>
    <row r="122" spans="1:23" ht="72">
      <c r="A122" s="36" t="s">
        <v>70</v>
      </c>
      <c r="B122" s="37" t="s">
        <v>71</v>
      </c>
      <c r="C122" s="38" t="s">
        <v>594</v>
      </c>
      <c r="D122" s="39" t="s">
        <v>72</v>
      </c>
    </row>
    <row r="123" spans="1:23" ht="72">
      <c r="A123" s="40"/>
      <c r="B123" s="41" t="s">
        <v>73</v>
      </c>
      <c r="C123" s="127" t="s">
        <v>304</v>
      </c>
      <c r="D123" s="43" t="s">
        <v>75</v>
      </c>
    </row>
    <row r="124" spans="1:23">
      <c r="A124" s="44" t="s">
        <v>349</v>
      </c>
      <c r="B124" s="165">
        <v>12483</v>
      </c>
      <c r="C124" s="166">
        <v>5.0549627128288224</v>
      </c>
      <c r="D124" s="85">
        <v>2.3991524523542411E-2</v>
      </c>
    </row>
    <row r="125" spans="1:23">
      <c r="A125" s="48" t="s">
        <v>350</v>
      </c>
      <c r="B125" s="48">
        <v>8844</v>
      </c>
      <c r="C125" s="168">
        <v>4.8992552294447611</v>
      </c>
      <c r="D125" s="86">
        <v>2.9705474198317244E-2</v>
      </c>
    </row>
    <row r="126" spans="1:23">
      <c r="A126" s="44" t="s">
        <v>351</v>
      </c>
      <c r="B126" s="52">
        <v>3639</v>
      </c>
      <c r="C126" s="166">
        <v>5.1803805066753794</v>
      </c>
      <c r="D126" s="85">
        <v>3.8200202057961007E-2</v>
      </c>
    </row>
    <row r="127" spans="1:23">
      <c r="A127" s="48" t="s">
        <v>558</v>
      </c>
      <c r="B127" s="48">
        <v>329</v>
      </c>
      <c r="C127" s="168">
        <v>5.0442386719836829</v>
      </c>
      <c r="D127" s="86">
        <v>0.12796201321157177</v>
      </c>
    </row>
    <row r="128" spans="1:23">
      <c r="A128" s="44" t="s">
        <v>559</v>
      </c>
      <c r="B128" s="52">
        <v>3234</v>
      </c>
      <c r="C128" s="166">
        <v>5.0401067745515196</v>
      </c>
      <c r="D128" s="85">
        <v>4.8532221440145303E-2</v>
      </c>
    </row>
    <row r="129" spans="1:4">
      <c r="A129" s="48" t="s">
        <v>560</v>
      </c>
      <c r="B129" s="48">
        <v>2597</v>
      </c>
      <c r="C129" s="168">
        <v>4.8996429989332597</v>
      </c>
      <c r="D129" s="86">
        <v>5.5453454495584538E-2</v>
      </c>
    </row>
    <row r="130" spans="1:4">
      <c r="A130" s="44" t="s">
        <v>368</v>
      </c>
      <c r="B130" s="52">
        <v>157</v>
      </c>
      <c r="C130" s="166">
        <v>5.0044472021644131</v>
      </c>
      <c r="D130" s="85">
        <v>0.20982893255388929</v>
      </c>
    </row>
    <row r="131" spans="1:4">
      <c r="A131" s="48" t="s">
        <v>150</v>
      </c>
      <c r="B131" s="48">
        <v>205</v>
      </c>
      <c r="C131" s="168">
        <v>4.9942367175226341</v>
      </c>
      <c r="D131" s="86">
        <v>0.19570828976243462</v>
      </c>
    </row>
    <row r="132" spans="1:4">
      <c r="A132" s="44" t="s">
        <v>352</v>
      </c>
      <c r="B132" s="52">
        <v>82</v>
      </c>
      <c r="C132" s="166">
        <v>4.9681485806049661</v>
      </c>
      <c r="D132" s="85">
        <v>0.29076954957772178</v>
      </c>
    </row>
    <row r="133" spans="1:4">
      <c r="A133" s="48" t="s">
        <v>353</v>
      </c>
      <c r="B133" s="48">
        <v>88</v>
      </c>
      <c r="C133" s="168">
        <v>4.5788530630770268</v>
      </c>
      <c r="D133" s="86">
        <v>0.30875849957091278</v>
      </c>
    </row>
    <row r="134" spans="1:4">
      <c r="A134" s="44" t="s">
        <v>369</v>
      </c>
      <c r="B134" s="165">
        <v>362</v>
      </c>
      <c r="C134" s="166">
        <v>5.0001508646989468</v>
      </c>
      <c r="D134" s="85">
        <v>0.14803311865527333</v>
      </c>
    </row>
    <row r="135" spans="1:4">
      <c r="A135" s="48" t="s">
        <v>354</v>
      </c>
      <c r="B135" s="167">
        <v>53</v>
      </c>
      <c r="C135" s="168">
        <v>3.9192511232663625</v>
      </c>
      <c r="D135" s="86">
        <v>0.41810728962899452</v>
      </c>
    </row>
    <row r="136" spans="1:4">
      <c r="A136" s="44" t="s">
        <v>355</v>
      </c>
      <c r="B136" s="82">
        <v>68</v>
      </c>
      <c r="C136" s="166">
        <v>4.2597415955931019</v>
      </c>
      <c r="D136" s="85">
        <v>0.34576283175410427</v>
      </c>
    </row>
    <row r="137" spans="1:4">
      <c r="A137" s="48" t="s">
        <v>356</v>
      </c>
      <c r="B137" s="167">
        <v>59</v>
      </c>
      <c r="C137" s="168">
        <v>5.8155123250136027</v>
      </c>
      <c r="D137" s="86">
        <v>0.23111974736622556</v>
      </c>
    </row>
    <row r="138" spans="1:4">
      <c r="A138" s="56" t="s">
        <v>357</v>
      </c>
      <c r="B138" s="165">
        <v>47</v>
      </c>
      <c r="C138" s="166">
        <v>5.3429368663525771</v>
      </c>
      <c r="D138" s="85">
        <v>0.29801016443504719</v>
      </c>
    </row>
    <row r="139" spans="1:4">
      <c r="A139" s="48" t="s">
        <v>358</v>
      </c>
      <c r="B139" s="167">
        <v>79</v>
      </c>
      <c r="C139" s="168">
        <v>4.1972156415735826</v>
      </c>
      <c r="D139" s="86">
        <v>0.29903144754088418</v>
      </c>
    </row>
    <row r="140" spans="1:4">
      <c r="A140" s="56" t="s">
        <v>359</v>
      </c>
      <c r="B140" s="165">
        <v>104</v>
      </c>
      <c r="C140" s="166">
        <v>5.3087796324238683</v>
      </c>
      <c r="D140" s="85">
        <v>0.25052156518037982</v>
      </c>
    </row>
    <row r="141" spans="1:4">
      <c r="A141" s="48" t="s">
        <v>371</v>
      </c>
      <c r="B141" s="167">
        <v>172</v>
      </c>
      <c r="C141" s="168">
        <v>4.7960634578372066</v>
      </c>
      <c r="D141" s="86">
        <v>0.19616372995946532</v>
      </c>
    </row>
    <row r="142" spans="1:4">
      <c r="A142" s="56" t="s">
        <v>360</v>
      </c>
      <c r="B142" s="165">
        <v>96</v>
      </c>
      <c r="C142" s="166">
        <v>4.6142670128136931</v>
      </c>
      <c r="D142" s="85">
        <v>0.23817064939626159</v>
      </c>
    </row>
    <row r="143" spans="1:4">
      <c r="A143" s="48" t="s">
        <v>370</v>
      </c>
      <c r="B143" s="167">
        <v>274</v>
      </c>
      <c r="C143" s="168">
        <v>4.5356540217615686</v>
      </c>
      <c r="D143" s="86">
        <v>0.17619202889593369</v>
      </c>
    </row>
    <row r="144" spans="1:4">
      <c r="A144" s="56" t="s">
        <v>361</v>
      </c>
      <c r="B144" s="165">
        <v>120</v>
      </c>
      <c r="C144" s="166">
        <v>4.6037304166133897</v>
      </c>
      <c r="D144" s="85">
        <v>0.25918549903906246</v>
      </c>
    </row>
    <row r="145" spans="1:34">
      <c r="A145" s="48" t="s">
        <v>375</v>
      </c>
      <c r="B145" s="167">
        <v>106</v>
      </c>
      <c r="C145" s="168">
        <v>4.6189896801251411</v>
      </c>
      <c r="D145" s="86">
        <v>0.28870783761062785</v>
      </c>
    </row>
    <row r="146" spans="1:34">
      <c r="A146" s="56" t="s">
        <v>358</v>
      </c>
      <c r="B146" s="165">
        <v>79</v>
      </c>
      <c r="C146" s="166">
        <v>4.1972156415735826</v>
      </c>
      <c r="D146" s="85">
        <v>0.29903144754088418</v>
      </c>
    </row>
    <row r="148" spans="1:34" ht="18.75">
      <c r="A148" s="340" t="s">
        <v>529</v>
      </c>
      <c r="B148" s="340"/>
      <c r="C148" s="340"/>
      <c r="D148" s="340"/>
      <c r="E148" s="340"/>
      <c r="F148" s="340"/>
      <c r="G148" s="340"/>
      <c r="H148" s="340"/>
      <c r="I148" s="340"/>
      <c r="J148" s="340"/>
      <c r="K148" s="340"/>
      <c r="L148" s="340"/>
      <c r="M148" s="340"/>
      <c r="N148" s="340"/>
      <c r="O148" s="340"/>
      <c r="P148" s="340"/>
      <c r="Q148" s="340"/>
      <c r="R148" s="340"/>
      <c r="S148" s="340"/>
      <c r="T148" s="340"/>
      <c r="U148" s="340"/>
      <c r="V148" s="340"/>
      <c r="W148" s="340"/>
      <c r="X148" s="340"/>
      <c r="Y148" s="340"/>
      <c r="Z148" s="340"/>
      <c r="AA148" s="340"/>
      <c r="AB148" s="340"/>
      <c r="AC148" s="340"/>
      <c r="AD148" s="340"/>
      <c r="AE148" s="340"/>
      <c r="AF148" s="340"/>
      <c r="AG148" s="340"/>
      <c r="AH148" s="340"/>
    </row>
    <row r="149" spans="1:34" ht="54" customHeight="1">
      <c r="A149" s="408" t="s">
        <v>550</v>
      </c>
      <c r="B149" s="408"/>
      <c r="C149" s="408"/>
      <c r="D149" s="408"/>
      <c r="E149" s="408"/>
      <c r="F149" s="408"/>
      <c r="G149" s="408"/>
      <c r="H149" s="408"/>
      <c r="I149" s="408"/>
      <c r="J149" s="408"/>
      <c r="K149" s="408"/>
      <c r="L149" s="408"/>
      <c r="M149" s="408"/>
      <c r="N149" s="408"/>
      <c r="O149" s="408"/>
      <c r="P149" s="408"/>
      <c r="Q149" s="408"/>
      <c r="R149" s="408"/>
      <c r="S149" s="408"/>
      <c r="T149" s="408"/>
      <c r="U149" s="408"/>
      <c r="V149" s="408"/>
      <c r="W149" s="408"/>
      <c r="X149" s="408"/>
      <c r="Y149" s="408"/>
      <c r="Z149" s="408"/>
      <c r="AA149" s="408"/>
      <c r="AB149" s="408"/>
      <c r="AC149" s="408"/>
      <c r="AD149" s="408"/>
      <c r="AE149" s="408"/>
      <c r="AF149" s="408"/>
      <c r="AG149" s="408"/>
      <c r="AH149" s="408"/>
    </row>
    <row r="150" spans="1:34" ht="37.5" customHeight="1">
      <c r="A150" s="63"/>
      <c r="B150" s="386" t="s">
        <v>237</v>
      </c>
      <c r="C150" s="387"/>
      <c r="D150" s="387"/>
      <c r="E150" s="387"/>
      <c r="F150" s="387"/>
      <c r="G150" s="387"/>
      <c r="H150" s="387"/>
      <c r="I150" s="387"/>
      <c r="J150" s="387"/>
      <c r="K150" s="387"/>
      <c r="L150" s="388"/>
      <c r="M150" s="386" t="s">
        <v>438</v>
      </c>
      <c r="N150" s="387"/>
      <c r="O150" s="387"/>
      <c r="P150" s="387"/>
      <c r="Q150" s="387"/>
      <c r="R150" s="387"/>
      <c r="S150" s="387"/>
      <c r="T150" s="387"/>
      <c r="U150" s="387"/>
      <c r="V150" s="387"/>
      <c r="W150" s="388"/>
      <c r="X150" s="386" t="s">
        <v>581</v>
      </c>
      <c r="Y150" s="387"/>
      <c r="Z150" s="387"/>
      <c r="AA150" s="387"/>
      <c r="AB150" s="387"/>
      <c r="AC150" s="387"/>
      <c r="AD150" s="387"/>
      <c r="AE150" s="387"/>
      <c r="AF150" s="387"/>
      <c r="AG150" s="387"/>
      <c r="AH150" s="388"/>
    </row>
    <row r="151" spans="1:34" ht="39" customHeight="1">
      <c r="A151" s="36" t="s">
        <v>70</v>
      </c>
      <c r="B151" s="37" t="s">
        <v>71</v>
      </c>
      <c r="C151" s="38" t="s">
        <v>594</v>
      </c>
      <c r="D151" s="39" t="s">
        <v>72</v>
      </c>
      <c r="E151" s="37" t="s">
        <v>312</v>
      </c>
      <c r="F151" s="88" t="s">
        <v>142</v>
      </c>
      <c r="G151" s="37" t="s">
        <v>313</v>
      </c>
      <c r="H151" s="88" t="s">
        <v>143</v>
      </c>
      <c r="I151" s="37" t="s">
        <v>314</v>
      </c>
      <c r="J151" s="88" t="s">
        <v>116</v>
      </c>
      <c r="K151" s="37" t="s">
        <v>301</v>
      </c>
      <c r="L151" s="88" t="s">
        <v>315</v>
      </c>
      <c r="M151" s="64" t="s">
        <v>71</v>
      </c>
      <c r="N151" s="65" t="s">
        <v>594</v>
      </c>
      <c r="O151" s="66" t="s">
        <v>72</v>
      </c>
      <c r="P151" s="64" t="s">
        <v>312</v>
      </c>
      <c r="Q151" s="87" t="s">
        <v>142</v>
      </c>
      <c r="R151" s="64" t="s">
        <v>313</v>
      </c>
      <c r="S151" s="87" t="s">
        <v>143</v>
      </c>
      <c r="T151" s="64" t="s">
        <v>314</v>
      </c>
      <c r="U151" s="87" t="s">
        <v>116</v>
      </c>
      <c r="V151" s="64" t="s">
        <v>301</v>
      </c>
      <c r="W151" s="87" t="s">
        <v>315</v>
      </c>
      <c r="X151" s="37" t="s">
        <v>71</v>
      </c>
      <c r="Y151" s="38" t="s">
        <v>594</v>
      </c>
      <c r="Z151" s="39" t="s">
        <v>72</v>
      </c>
      <c r="AA151" s="37" t="s">
        <v>577</v>
      </c>
      <c r="AB151" s="88" t="s">
        <v>325</v>
      </c>
      <c r="AC151" s="37" t="s">
        <v>326</v>
      </c>
      <c r="AD151" s="88" t="s">
        <v>327</v>
      </c>
      <c r="AE151" s="37" t="s">
        <v>299</v>
      </c>
      <c r="AF151" s="88" t="s">
        <v>328</v>
      </c>
      <c r="AG151" s="37" t="s">
        <v>301</v>
      </c>
      <c r="AH151" s="88" t="s">
        <v>315</v>
      </c>
    </row>
    <row r="152" spans="1:34" ht="72">
      <c r="A152" s="40"/>
      <c r="B152" s="41" t="s">
        <v>73</v>
      </c>
      <c r="C152" s="127" t="s">
        <v>304</v>
      </c>
      <c r="D152" s="43" t="s">
        <v>75</v>
      </c>
      <c r="E152" s="41" t="s">
        <v>159</v>
      </c>
      <c r="F152" s="90" t="s">
        <v>87</v>
      </c>
      <c r="G152" s="41" t="s">
        <v>160</v>
      </c>
      <c r="H152" s="90" t="s">
        <v>87</v>
      </c>
      <c r="I152" s="41" t="s">
        <v>161</v>
      </c>
      <c r="J152" s="90" t="s">
        <v>87</v>
      </c>
      <c r="K152" s="41" t="s">
        <v>301</v>
      </c>
      <c r="L152" s="90" t="s">
        <v>87</v>
      </c>
      <c r="M152" s="67" t="s">
        <v>73</v>
      </c>
      <c r="N152" s="261" t="s">
        <v>304</v>
      </c>
      <c r="O152" s="69" t="s">
        <v>75</v>
      </c>
      <c r="P152" s="67" t="s">
        <v>159</v>
      </c>
      <c r="Q152" s="89" t="s">
        <v>87</v>
      </c>
      <c r="R152" s="67" t="s">
        <v>160</v>
      </c>
      <c r="S152" s="89" t="s">
        <v>87</v>
      </c>
      <c r="T152" s="67" t="s">
        <v>161</v>
      </c>
      <c r="U152" s="89" t="s">
        <v>87</v>
      </c>
      <c r="V152" s="67" t="s">
        <v>301</v>
      </c>
      <c r="W152" s="89" t="s">
        <v>87</v>
      </c>
      <c r="X152" s="41" t="s">
        <v>73</v>
      </c>
      <c r="Y152" s="127" t="s">
        <v>580</v>
      </c>
      <c r="Z152" s="43" t="s">
        <v>75</v>
      </c>
      <c r="AA152" s="41" t="s">
        <v>161</v>
      </c>
      <c r="AB152" s="90" t="s">
        <v>87</v>
      </c>
      <c r="AC152" s="41" t="s">
        <v>160</v>
      </c>
      <c r="AD152" s="90" t="s">
        <v>87</v>
      </c>
      <c r="AE152" s="41" t="s">
        <v>159</v>
      </c>
      <c r="AF152" s="90" t="s">
        <v>87</v>
      </c>
      <c r="AG152" s="41" t="s">
        <v>301</v>
      </c>
      <c r="AH152" s="90" t="s">
        <v>87</v>
      </c>
    </row>
    <row r="153" spans="1:34">
      <c r="A153" s="44" t="s">
        <v>349</v>
      </c>
      <c r="B153" s="195">
        <v>12507</v>
      </c>
      <c r="C153" s="83">
        <v>5.2164135226083417</v>
      </c>
      <c r="D153" s="84">
        <v>3.1099185849462325E-2</v>
      </c>
      <c r="E153" s="197">
        <v>0.15514203479273816</v>
      </c>
      <c r="F153" s="93">
        <v>6.4753985732475374E-3</v>
      </c>
      <c r="G153" s="197">
        <v>0.12937531489276466</v>
      </c>
      <c r="H153" s="93">
        <v>6.0033604623443582E-3</v>
      </c>
      <c r="I153" s="197">
        <v>0.70017979214279147</v>
      </c>
      <c r="J153" s="93">
        <v>8.1930521479739241E-3</v>
      </c>
      <c r="K153" s="197">
        <v>1.5302858171722111E-2</v>
      </c>
      <c r="L153" s="93">
        <v>2.2058467541656158E-3</v>
      </c>
      <c r="M153" s="195">
        <v>12545</v>
      </c>
      <c r="N153" s="83">
        <v>5.5809000888620828</v>
      </c>
      <c r="O153" s="84">
        <v>2.8485804559351402E-2</v>
      </c>
      <c r="P153" s="197">
        <v>0.10303000187141914</v>
      </c>
      <c r="Q153" s="93">
        <v>5.4304039339801496E-3</v>
      </c>
      <c r="R153" s="197">
        <v>9.6175631195178579E-2</v>
      </c>
      <c r="S153" s="93">
        <v>5.2669535092441126E-3</v>
      </c>
      <c r="T153" s="197">
        <v>0.78972530671992347</v>
      </c>
      <c r="U153" s="93">
        <v>7.2765735021415937E-3</v>
      </c>
      <c r="V153" s="197">
        <v>1.1069060213482133E-2</v>
      </c>
      <c r="W153" s="93">
        <v>1.8808994286726034E-3</v>
      </c>
      <c r="X153" s="195">
        <v>12649</v>
      </c>
      <c r="Y153" s="83">
        <v>4.3725237357445605</v>
      </c>
      <c r="Z153" s="84">
        <v>3.2709499857835909E-2</v>
      </c>
      <c r="AA153" s="197">
        <v>0.32826221083340862</v>
      </c>
      <c r="AB153" s="93">
        <v>8.3495282238207486E-3</v>
      </c>
      <c r="AC153" s="197">
        <v>0.18179873847710692</v>
      </c>
      <c r="AD153" s="93">
        <v>6.8588636118216547E-3</v>
      </c>
      <c r="AE153" s="197">
        <v>0.47107177962861668</v>
      </c>
      <c r="AF153" s="93">
        <v>8.8751482471448907E-3</v>
      </c>
      <c r="AG153" s="197">
        <v>1.8867271060888372E-2</v>
      </c>
      <c r="AH153" s="93">
        <v>2.4286310416995554E-3</v>
      </c>
    </row>
    <row r="154" spans="1:34">
      <c r="A154" s="48" t="s">
        <v>350</v>
      </c>
      <c r="B154" s="48">
        <v>8846</v>
      </c>
      <c r="C154" s="179">
        <v>4.980654228510824</v>
      </c>
      <c r="D154" s="131">
        <v>3.8495679022687593E-2</v>
      </c>
      <c r="E154" s="198">
        <v>0.20884742389537184</v>
      </c>
      <c r="F154" s="96">
        <v>8.6437799902133374E-3</v>
      </c>
      <c r="G154" s="198">
        <v>0.13464180845957277</v>
      </c>
      <c r="H154" s="96">
        <v>7.2605747687886713E-3</v>
      </c>
      <c r="I154" s="198">
        <v>0.64666464982328042</v>
      </c>
      <c r="J154" s="96">
        <v>1.0162719522046558E-2</v>
      </c>
      <c r="K154" s="198">
        <v>9.8461178217776994E-3</v>
      </c>
      <c r="L154" s="96">
        <v>2.1223905715983872E-3</v>
      </c>
      <c r="M154" s="48">
        <v>8864</v>
      </c>
      <c r="N154" s="179">
        <v>5.450885009369423</v>
      </c>
      <c r="O154" s="131">
        <v>3.5784229781252008E-2</v>
      </c>
      <c r="P154" s="198">
        <v>0.14196441125623155</v>
      </c>
      <c r="Q154" s="96">
        <v>7.4159288450063188E-3</v>
      </c>
      <c r="R154" s="198">
        <v>9.5155634138057194E-2</v>
      </c>
      <c r="S154" s="96">
        <v>6.2372599105135814E-3</v>
      </c>
      <c r="T154" s="198">
        <v>0.75722761678665496</v>
      </c>
      <c r="U154" s="96">
        <v>9.1075275911893065E-3</v>
      </c>
      <c r="V154" s="198">
        <v>5.6523378190561305E-3</v>
      </c>
      <c r="W154" s="96">
        <v>1.6231299091540978E-3</v>
      </c>
      <c r="X154" s="48">
        <v>8863</v>
      </c>
      <c r="Y154" s="179">
        <v>4.2571311641492038</v>
      </c>
      <c r="Z154" s="131">
        <v>3.9404799036750073E-2</v>
      </c>
      <c r="AA154" s="198">
        <v>0.35071228973515423</v>
      </c>
      <c r="AB154" s="96">
        <v>1.0135726767912743E-2</v>
      </c>
      <c r="AC154" s="198">
        <v>0.18304893564791436</v>
      </c>
      <c r="AD154" s="96">
        <v>8.2158936193938992E-3</v>
      </c>
      <c r="AE154" s="198">
        <v>0.45320453745019956</v>
      </c>
      <c r="AF154" s="96">
        <v>1.0573114806457366E-2</v>
      </c>
      <c r="AG154" s="198">
        <v>1.3034237166735687E-2</v>
      </c>
      <c r="AH154" s="96">
        <v>2.4289378411923349E-3</v>
      </c>
    </row>
    <row r="155" spans="1:34">
      <c r="A155" s="44" t="s">
        <v>351</v>
      </c>
      <c r="B155" s="52">
        <v>3661</v>
      </c>
      <c r="C155" s="83">
        <v>5.4069519698716695</v>
      </c>
      <c r="D155" s="84">
        <v>4.9309312593663245E-2</v>
      </c>
      <c r="E155" s="197">
        <v>0.11216844611282635</v>
      </c>
      <c r="F155" s="93">
        <v>1.0442584156095225E-2</v>
      </c>
      <c r="G155" s="197">
        <v>0.12516121027296337</v>
      </c>
      <c r="H155" s="93">
        <v>1.0947096306451938E-2</v>
      </c>
      <c r="I155" s="197">
        <v>0.74300115053178994</v>
      </c>
      <c r="J155" s="93">
        <v>1.4441083749334883E-2</v>
      </c>
      <c r="K155" s="197">
        <v>1.9669193082421602E-2</v>
      </c>
      <c r="L155" s="93">
        <v>4.6469522710023857E-3</v>
      </c>
      <c r="M155" s="52">
        <v>3681</v>
      </c>
      <c r="N155" s="83">
        <v>5.6857423297410836</v>
      </c>
      <c r="O155" s="84">
        <v>4.3552056733459819E-2</v>
      </c>
      <c r="P155" s="197">
        <v>7.1941465290275897E-2</v>
      </c>
      <c r="Q155" s="93">
        <v>8.5384258429894548E-3</v>
      </c>
      <c r="R155" s="197">
        <v>9.6990083406574515E-2</v>
      </c>
      <c r="S155" s="93">
        <v>9.769968500570176E-3</v>
      </c>
      <c r="T155" s="197">
        <v>0.8156742202454258</v>
      </c>
      <c r="U155" s="93">
        <v>1.2784234109185591E-2</v>
      </c>
      <c r="V155" s="197">
        <v>1.5394231057724186E-2</v>
      </c>
      <c r="W155" s="93">
        <v>4.1238370520265202E-3</v>
      </c>
      <c r="X155" s="52">
        <v>3786</v>
      </c>
      <c r="Y155" s="83">
        <v>4.4631843282467774</v>
      </c>
      <c r="Z155" s="84">
        <v>5.8081977406013091E-2</v>
      </c>
      <c r="AA155" s="197">
        <v>0.31080912089189833</v>
      </c>
      <c r="AB155" s="93">
        <v>1.5038466922709192E-2</v>
      </c>
      <c r="AC155" s="197">
        <v>0.18082681299914533</v>
      </c>
      <c r="AD155" s="93">
        <v>1.2512511752612167E-2</v>
      </c>
      <c r="AE155" s="197">
        <v>0.48496209093268411</v>
      </c>
      <c r="AF155" s="93">
        <v>1.6236196520193955E-2</v>
      </c>
      <c r="AG155" s="197">
        <v>2.3401975176272394E-2</v>
      </c>
      <c r="AH155" s="93">
        <v>4.9625013790381449E-3</v>
      </c>
    </row>
    <row r="156" spans="1:34">
      <c r="A156" s="48" t="s">
        <v>558</v>
      </c>
      <c r="B156" s="48">
        <v>331</v>
      </c>
      <c r="C156" s="179">
        <v>5.4388437642965508</v>
      </c>
      <c r="D156" s="131">
        <v>0.15782396646227764</v>
      </c>
      <c r="E156" s="198">
        <v>0.12608552471409465</v>
      </c>
      <c r="F156" s="96">
        <v>3.6814472645607374E-2</v>
      </c>
      <c r="G156" s="198">
        <v>0.11690980242348541</v>
      </c>
      <c r="H156" s="96">
        <v>3.5697844434104564E-2</v>
      </c>
      <c r="I156" s="198">
        <v>0.74527662871328781</v>
      </c>
      <c r="J156" s="96">
        <v>4.7789022644472857E-2</v>
      </c>
      <c r="K156" s="198">
        <v>1.1728044149132708E-2</v>
      </c>
      <c r="L156" s="96">
        <v>1.4351605318976675E-2</v>
      </c>
      <c r="M156" s="48">
        <v>331</v>
      </c>
      <c r="N156" s="179">
        <v>5.5028015075153709</v>
      </c>
      <c r="O156" s="131">
        <v>0.15293854167264653</v>
      </c>
      <c r="P156" s="198">
        <v>0.10643389470436797</v>
      </c>
      <c r="Q156" s="96">
        <v>3.4343759168819876E-2</v>
      </c>
      <c r="R156" s="198">
        <v>0.11629485412910326</v>
      </c>
      <c r="S156" s="96">
        <v>3.5620772419015387E-2</v>
      </c>
      <c r="T156" s="198">
        <v>0.77247570886333827</v>
      </c>
      <c r="U156" s="96">
        <v>4.6039486057011796E-2</v>
      </c>
      <c r="V156" s="198">
        <v>4.7955423031910702E-3</v>
      </c>
      <c r="W156" s="96">
        <v>1.12468958760079E-2</v>
      </c>
      <c r="X156" s="48">
        <v>338</v>
      </c>
      <c r="Y156" s="179">
        <v>4.1875329673742936</v>
      </c>
      <c r="Z156" s="131">
        <v>0.18014530717262761</v>
      </c>
      <c r="AA156" s="198">
        <v>0.35052778788060585</v>
      </c>
      <c r="AB156" s="96">
        <v>5.1659888642705827E-2</v>
      </c>
      <c r="AC156" s="198">
        <v>0.20229103113641331</v>
      </c>
      <c r="AD156" s="96">
        <v>4.372033354260401E-2</v>
      </c>
      <c r="AE156" s="198">
        <v>0.43411829282262426</v>
      </c>
      <c r="AF156" s="96">
        <v>5.3613358805623776E-2</v>
      </c>
      <c r="AG156" s="198">
        <v>1.3062888160357141E-2</v>
      </c>
      <c r="AH156" s="96">
        <v>1.467232517615694E-2</v>
      </c>
    </row>
    <row r="157" spans="1:34">
      <c r="A157" s="44" t="s">
        <v>559</v>
      </c>
      <c r="B157" s="52">
        <v>3238</v>
      </c>
      <c r="C157" s="83">
        <v>5.232527339651738</v>
      </c>
      <c r="D157" s="84">
        <v>6.2318253360543412E-2</v>
      </c>
      <c r="E157" s="197">
        <v>0.14937683190784873</v>
      </c>
      <c r="F157" s="93">
        <v>1.2535775664994402E-2</v>
      </c>
      <c r="G157" s="197">
        <v>0.13566098883611544</v>
      </c>
      <c r="H157" s="93">
        <v>1.204476745921272E-2</v>
      </c>
      <c r="I157" s="197">
        <v>0.70429850910424419</v>
      </c>
      <c r="J157" s="93">
        <v>1.6033780216575422E-2</v>
      </c>
      <c r="K157" s="197">
        <v>1.0663670151798064E-2</v>
      </c>
      <c r="L157" s="93">
        <v>3.7074481484636909E-3</v>
      </c>
      <c r="M157" s="52">
        <v>3246</v>
      </c>
      <c r="N157" s="83">
        <v>5.5537043895883098</v>
      </c>
      <c r="O157" s="84">
        <v>5.8213307024686994E-2</v>
      </c>
      <c r="P157" s="197">
        <v>9.7004572571464942E-2</v>
      </c>
      <c r="Q157" s="93">
        <v>1.0406755580389247E-2</v>
      </c>
      <c r="R157" s="197">
        <v>0.11087321862182692</v>
      </c>
      <c r="S157" s="93">
        <v>1.1035765293851581E-2</v>
      </c>
      <c r="T157" s="197">
        <v>0.78250675391849545</v>
      </c>
      <c r="U157" s="93">
        <v>1.4481235333697355E-2</v>
      </c>
      <c r="V157" s="197">
        <v>9.6154548882176286E-3</v>
      </c>
      <c r="W157" s="93">
        <v>3.5282729760783686E-3</v>
      </c>
      <c r="X157" s="52">
        <v>3254</v>
      </c>
      <c r="Y157" s="83">
        <v>4.3450835855931045</v>
      </c>
      <c r="Z157" s="84">
        <v>6.4372573728580865E-2</v>
      </c>
      <c r="AA157" s="197">
        <v>0.33407887528121111</v>
      </c>
      <c r="AB157" s="93">
        <v>1.6529369593557747E-2</v>
      </c>
      <c r="AC157" s="197">
        <v>0.18433686629484991</v>
      </c>
      <c r="AD157" s="93">
        <v>1.35978056381482E-2</v>
      </c>
      <c r="AE157" s="197">
        <v>0.46624235576468043</v>
      </c>
      <c r="AF157" s="93">
        <v>1.747973369929158E-2</v>
      </c>
      <c r="AG157" s="197">
        <v>1.5341902659273775E-2</v>
      </c>
      <c r="AH157" s="93">
        <v>4.388017917199079E-3</v>
      </c>
    </row>
    <row r="158" spans="1:34">
      <c r="A158" s="48" t="s">
        <v>560</v>
      </c>
      <c r="B158" s="48">
        <v>2596</v>
      </c>
      <c r="C158" s="179">
        <v>5.041711516679908</v>
      </c>
      <c r="D158" s="131">
        <v>7.1509639532714858E-2</v>
      </c>
      <c r="E158" s="198">
        <v>0.20459824074698052</v>
      </c>
      <c r="F158" s="96">
        <v>1.5835990808061483E-2</v>
      </c>
      <c r="G158" s="198">
        <v>0.13213739611826414</v>
      </c>
      <c r="H158" s="96">
        <v>1.3306630071796412E-2</v>
      </c>
      <c r="I158" s="198">
        <v>0.65908189095426761</v>
      </c>
      <c r="J158" s="96">
        <v>1.8595729861869942E-2</v>
      </c>
      <c r="K158" s="198">
        <v>4.1824721804855523E-3</v>
      </c>
      <c r="L158" s="96">
        <v>2.7514507216289509E-3</v>
      </c>
      <c r="M158" s="48">
        <v>2603</v>
      </c>
      <c r="N158" s="179">
        <v>5.4297515687790678</v>
      </c>
      <c r="O158" s="131">
        <v>6.7281013925306041E-2</v>
      </c>
      <c r="P158" s="198">
        <v>0.13858434047823071</v>
      </c>
      <c r="Q158" s="96">
        <v>1.3556583942105035E-2</v>
      </c>
      <c r="R158" s="198">
        <v>0.10214739017601081</v>
      </c>
      <c r="S158" s="96">
        <v>1.1893831358320311E-2</v>
      </c>
      <c r="T158" s="198">
        <v>0.75583155466067442</v>
      </c>
      <c r="U158" s="96">
        <v>1.6836536921138526E-2</v>
      </c>
      <c r="V158" s="198">
        <v>3.4367146850824227E-3</v>
      </c>
      <c r="W158" s="96">
        <v>2.5327857559937512E-3</v>
      </c>
      <c r="X158" s="48">
        <v>2598</v>
      </c>
      <c r="Y158" s="179">
        <v>4.2196992105380762</v>
      </c>
      <c r="Z158" s="131">
        <v>7.2133415409722734E-2</v>
      </c>
      <c r="AA158" s="198">
        <v>0.35320125745668923</v>
      </c>
      <c r="AB158" s="96">
        <v>1.8742821719501746E-2</v>
      </c>
      <c r="AC158" s="198">
        <v>0.18615441480298534</v>
      </c>
      <c r="AD158" s="96">
        <v>1.5276269919006462E-2</v>
      </c>
      <c r="AE158" s="198">
        <v>0.44769420772580182</v>
      </c>
      <c r="AF158" s="96">
        <v>1.9496841790791496E-2</v>
      </c>
      <c r="AG158" s="198">
        <v>1.2950120014521029E-2</v>
      </c>
      <c r="AH158" s="96">
        <v>4.5574634989205432E-3</v>
      </c>
    </row>
    <row r="159" spans="1:34">
      <c r="A159" s="44" t="s">
        <v>368</v>
      </c>
      <c r="B159" s="52">
        <v>155</v>
      </c>
      <c r="C159" s="83">
        <v>5.38557026152397</v>
      </c>
      <c r="D159" s="84">
        <v>0.24689099951567761</v>
      </c>
      <c r="E159" s="197">
        <v>0.12503674188863165</v>
      </c>
      <c r="F159" s="93">
        <v>5.4110917565531567E-2</v>
      </c>
      <c r="G159" s="197">
        <v>0.12882418267987775</v>
      </c>
      <c r="H159" s="93">
        <v>5.4731642090911733E-2</v>
      </c>
      <c r="I159" s="197">
        <v>0.74613907543149094</v>
      </c>
      <c r="J159" s="93">
        <v>6.957652434498951E-2</v>
      </c>
      <c r="K159" s="197">
        <v>0</v>
      </c>
      <c r="L159" s="93">
        <v>1.7676616229639286E-2</v>
      </c>
      <c r="M159" s="52">
        <v>157</v>
      </c>
      <c r="N159" s="83">
        <v>5.545107681510796</v>
      </c>
      <c r="O159" s="84">
        <v>0.26451772982454103</v>
      </c>
      <c r="P159" s="197">
        <v>0.11950869084502813</v>
      </c>
      <c r="Q159" s="93">
        <v>5.2828263121501025E-2</v>
      </c>
      <c r="R159" s="197">
        <v>7.0196370157606158E-2</v>
      </c>
      <c r="S159" s="93">
        <v>4.2974497906110382E-2</v>
      </c>
      <c r="T159" s="197">
        <v>0.81029493899736582</v>
      </c>
      <c r="U159" s="93">
        <v>6.2741085853709827E-2</v>
      </c>
      <c r="V159" s="197">
        <v>0</v>
      </c>
      <c r="W159" s="93">
        <v>1.7458412138355278E-2</v>
      </c>
      <c r="X159" s="52">
        <v>157</v>
      </c>
      <c r="Y159" s="83">
        <v>4.0620551761515724</v>
      </c>
      <c r="Z159" s="84">
        <v>0.30170298590454436</v>
      </c>
      <c r="AA159" s="197">
        <v>0.40034022753430554</v>
      </c>
      <c r="AB159" s="93">
        <v>7.7308017968549331E-2</v>
      </c>
      <c r="AC159" s="197">
        <v>0.17467405038653933</v>
      </c>
      <c r="AD159" s="93">
        <v>6.0915719725138977E-2</v>
      </c>
      <c r="AE159" s="197">
        <v>0.41236946310202988</v>
      </c>
      <c r="AF159" s="93">
        <v>7.7651510042252514E-2</v>
      </c>
      <c r="AG159" s="197">
        <v>1.2616258977125235E-2</v>
      </c>
      <c r="AH159" s="93">
        <v>2.4476551170380879E-2</v>
      </c>
    </row>
    <row r="160" spans="1:34">
      <c r="A160" s="48" t="s">
        <v>150</v>
      </c>
      <c r="B160" s="48">
        <v>204</v>
      </c>
      <c r="C160" s="179">
        <v>5.0080925603312654</v>
      </c>
      <c r="D160" s="131">
        <v>0.26096808584842535</v>
      </c>
      <c r="E160" s="198">
        <v>0.21876829516067542</v>
      </c>
      <c r="F160" s="96">
        <v>5.7832890970290707E-2</v>
      </c>
      <c r="G160" s="198">
        <v>0.12332254779101495</v>
      </c>
      <c r="H160" s="96">
        <v>4.6723156529376912E-2</v>
      </c>
      <c r="I160" s="198">
        <v>0.65790915704831066</v>
      </c>
      <c r="J160" s="96">
        <v>6.5927484428154659E-2</v>
      </c>
      <c r="K160" s="198">
        <v>0</v>
      </c>
      <c r="L160" s="96">
        <v>1.3532673419772181E-2</v>
      </c>
      <c r="M160" s="48">
        <v>204</v>
      </c>
      <c r="N160" s="179">
        <v>5.4856496401197141</v>
      </c>
      <c r="O160" s="131">
        <v>0.24103518072043684</v>
      </c>
      <c r="P160" s="198">
        <v>0.11389130158022134</v>
      </c>
      <c r="Q160" s="96">
        <v>4.5276667288984766E-2</v>
      </c>
      <c r="R160" s="198">
        <v>8.917837043252623E-2</v>
      </c>
      <c r="S160" s="96">
        <v>4.1056831067440347E-2</v>
      </c>
      <c r="T160" s="198">
        <v>0.79693032798725338</v>
      </c>
      <c r="U160" s="96">
        <v>5.6362637011875917E-2</v>
      </c>
      <c r="V160" s="198">
        <v>0</v>
      </c>
      <c r="W160" s="96">
        <v>1.3532673419772181E-2</v>
      </c>
      <c r="X160" s="48">
        <v>203</v>
      </c>
      <c r="Y160" s="179">
        <v>4.4687122453872128</v>
      </c>
      <c r="Z160" s="131">
        <v>0.24840795683446409</v>
      </c>
      <c r="AA160" s="198">
        <v>0.30751817108131879</v>
      </c>
      <c r="AB160" s="96">
        <v>6.4361414075929713E-2</v>
      </c>
      <c r="AC160" s="198">
        <v>0.19930403610282318</v>
      </c>
      <c r="AD160" s="96">
        <v>5.6130040986895807E-2</v>
      </c>
      <c r="AE160" s="198">
        <v>0.48648762914578647</v>
      </c>
      <c r="AF160" s="96">
        <v>6.9480390873427639E-2</v>
      </c>
      <c r="AG160" s="198">
        <v>6.6901636700728581E-3</v>
      </c>
      <c r="AH160" s="96">
        <v>1.7561235428375309E-2</v>
      </c>
    </row>
    <row r="161" spans="1:34">
      <c r="A161" s="44" t="s">
        <v>352</v>
      </c>
      <c r="B161" s="52">
        <v>82</v>
      </c>
      <c r="C161" s="83">
        <v>5.1190044628307101</v>
      </c>
      <c r="D161" s="84">
        <v>0.42656410914617338</v>
      </c>
      <c r="E161" s="197">
        <v>0.21416910000393657</v>
      </c>
      <c r="F161" s="93">
        <v>9.0405774956438298E-2</v>
      </c>
      <c r="G161" s="197">
        <v>0.12091523534640665</v>
      </c>
      <c r="H161" s="93">
        <v>7.4506684619893987E-2</v>
      </c>
      <c r="I161" s="197">
        <v>0.66491566464965635</v>
      </c>
      <c r="J161" s="93">
        <v>0.10236141100335318</v>
      </c>
      <c r="K161" s="197">
        <v>0</v>
      </c>
      <c r="L161" s="93">
        <v>3.2504011252172456E-2</v>
      </c>
      <c r="M161" s="52">
        <v>82</v>
      </c>
      <c r="N161" s="83">
        <v>5.3822137881971042</v>
      </c>
      <c r="O161" s="84">
        <v>0.38347045495554349</v>
      </c>
      <c r="P161" s="197">
        <v>0.12963134021329284</v>
      </c>
      <c r="Q161" s="93">
        <v>7.6337859535582503E-2</v>
      </c>
      <c r="R161" s="197">
        <v>6.8929993251480512E-2</v>
      </c>
      <c r="S161" s="93">
        <v>6.140311451017684E-2</v>
      </c>
      <c r="T161" s="197">
        <v>0.80143866653522666</v>
      </c>
      <c r="U161" s="93">
        <v>8.8236137152374008E-2</v>
      </c>
      <c r="V161" s="197">
        <v>0</v>
      </c>
      <c r="W161" s="93">
        <v>3.2504011252172456E-2</v>
      </c>
      <c r="X161" s="52">
        <v>81</v>
      </c>
      <c r="Y161" s="83">
        <v>4.4145832239249625</v>
      </c>
      <c r="Z161" s="84">
        <v>0.35581479746635319</v>
      </c>
      <c r="AA161" s="197">
        <v>0.27869307216624922</v>
      </c>
      <c r="AB161" s="93">
        <v>9.8344977471609155E-2</v>
      </c>
      <c r="AC161" s="197">
        <v>0.21385600904340302</v>
      </c>
      <c r="AD161" s="93">
        <v>9.09159909245848E-2</v>
      </c>
      <c r="AE161" s="197">
        <v>0.50745091879034743</v>
      </c>
      <c r="AF161" s="93">
        <v>0.10845429200847242</v>
      </c>
      <c r="AG161" s="197">
        <v>0</v>
      </c>
      <c r="AH161" s="93">
        <v>3.2881805121991139E-2</v>
      </c>
    </row>
    <row r="162" spans="1:34">
      <c r="A162" s="48" t="s">
        <v>353</v>
      </c>
      <c r="B162" s="48">
        <v>88</v>
      </c>
      <c r="C162" s="179">
        <v>4.3696294274790413</v>
      </c>
      <c r="D162" s="131">
        <v>0.39571978217611203</v>
      </c>
      <c r="E162" s="198">
        <v>0.33052741355913712</v>
      </c>
      <c r="F162" s="96">
        <v>9.862582431233316E-2</v>
      </c>
      <c r="G162" s="198">
        <v>0.12773206950428279</v>
      </c>
      <c r="H162" s="96">
        <v>7.3189850503801959E-2</v>
      </c>
      <c r="I162" s="198">
        <v>0.54174051693657954</v>
      </c>
      <c r="J162" s="96">
        <v>0.10392429048885637</v>
      </c>
      <c r="K162" s="198">
        <v>0</v>
      </c>
      <c r="L162" s="96">
        <v>3.0407765486097187E-2</v>
      </c>
      <c r="M162" s="48">
        <v>88</v>
      </c>
      <c r="N162" s="179">
        <v>5.0996187384187657</v>
      </c>
      <c r="O162" s="131">
        <v>0.37987672551601748</v>
      </c>
      <c r="P162" s="198">
        <v>0.14117587623293157</v>
      </c>
      <c r="Q162" s="96">
        <v>7.5813822546892992E-2</v>
      </c>
      <c r="R162" s="198">
        <v>0.13716505103651783</v>
      </c>
      <c r="S162" s="96">
        <v>7.5050618303017583E-2</v>
      </c>
      <c r="T162" s="198">
        <v>0.72165907273055008</v>
      </c>
      <c r="U162" s="96">
        <v>9.4419689709077617E-2</v>
      </c>
      <c r="V162" s="198">
        <v>0</v>
      </c>
      <c r="W162" s="96">
        <v>3.0407765486097187E-2</v>
      </c>
      <c r="X162" s="48">
        <v>87</v>
      </c>
      <c r="Y162" s="179">
        <v>4.2488896145999355</v>
      </c>
      <c r="Z162" s="131">
        <v>0.40277190044006411</v>
      </c>
      <c r="AA162" s="198">
        <v>0.38971249208163378</v>
      </c>
      <c r="AB162" s="96">
        <v>0.10247110952397825</v>
      </c>
      <c r="AC162" s="198">
        <v>0.20300823433784879</v>
      </c>
      <c r="AD162" s="96">
        <v>8.6285922950575064E-2</v>
      </c>
      <c r="AE162" s="198">
        <v>0.40727927358051674</v>
      </c>
      <c r="AF162" s="96">
        <v>0.10316785597073067</v>
      </c>
      <c r="AG162" s="198">
        <v>0</v>
      </c>
      <c r="AH162" s="96">
        <v>3.0738162934200789E-2</v>
      </c>
    </row>
    <row r="163" spans="1:34">
      <c r="A163" s="44" t="s">
        <v>369</v>
      </c>
      <c r="B163" s="195">
        <v>363</v>
      </c>
      <c r="C163" s="83">
        <v>5.1383105312312081</v>
      </c>
      <c r="D163" s="84">
        <v>0.18779030430400603</v>
      </c>
      <c r="E163" s="197">
        <v>0.18061468955615637</v>
      </c>
      <c r="F163" s="93">
        <v>4.0461168676784419E-2</v>
      </c>
      <c r="G163" s="197">
        <v>0.12790781508958801</v>
      </c>
      <c r="H163" s="93">
        <v>3.5333984388413765E-2</v>
      </c>
      <c r="I163" s="197">
        <v>0.68302162720762438</v>
      </c>
      <c r="J163" s="93">
        <v>4.865821216395845E-2</v>
      </c>
      <c r="K163" s="197">
        <v>8.4558681466316253E-3</v>
      </c>
      <c r="L163" s="93">
        <v>1.218499107692299E-2</v>
      </c>
      <c r="M163" s="195">
        <v>364</v>
      </c>
      <c r="N163" s="83">
        <v>5.4719041561140056</v>
      </c>
      <c r="O163" s="84">
        <v>0.17472261665744029</v>
      </c>
      <c r="P163" s="197">
        <v>0.14092700244224199</v>
      </c>
      <c r="Q163" s="93">
        <v>3.6691168474867711E-2</v>
      </c>
      <c r="R163" s="197">
        <v>8.4706787076125348E-2</v>
      </c>
      <c r="S163" s="93">
        <v>2.971979372276121E-2</v>
      </c>
      <c r="T163" s="197">
        <v>0.76788193459516929</v>
      </c>
      <c r="U163" s="93">
        <v>4.4206876144647758E-2</v>
      </c>
      <c r="V163" s="197">
        <v>6.4842758864631376E-3</v>
      </c>
      <c r="W163" s="93">
        <v>1.1281086736993816E-2</v>
      </c>
      <c r="X163" s="195">
        <v>362</v>
      </c>
      <c r="Y163" s="83">
        <v>4.3868702506930948</v>
      </c>
      <c r="Z163" s="84">
        <v>0.18956521128063902</v>
      </c>
      <c r="AA163" s="197">
        <v>0.33342386328264167</v>
      </c>
      <c r="AB163" s="93">
        <v>4.9351596999147214E-2</v>
      </c>
      <c r="AC163" s="197">
        <v>0.16314908733442565</v>
      </c>
      <c r="AD163" s="93">
        <v>3.897569598787206E-2</v>
      </c>
      <c r="AE163" s="197">
        <v>0.50003674415315413</v>
      </c>
      <c r="AF163" s="93">
        <v>5.2270837210854806E-2</v>
      </c>
      <c r="AG163" s="197">
        <v>3.3903052297797713E-3</v>
      </c>
      <c r="AH163" s="93">
        <v>9.7733781164201731E-3</v>
      </c>
    </row>
    <row r="164" spans="1:34">
      <c r="A164" s="48" t="s">
        <v>354</v>
      </c>
      <c r="B164" s="196">
        <v>53</v>
      </c>
      <c r="C164" s="179">
        <v>3.5436420066730192</v>
      </c>
      <c r="D164" s="131">
        <v>0.51345106490943337</v>
      </c>
      <c r="E164" s="198">
        <v>0.5095589275916802</v>
      </c>
      <c r="F164" s="96">
        <v>0.13243230676557541</v>
      </c>
      <c r="G164" s="198">
        <v>0.16862852843076737</v>
      </c>
      <c r="H164" s="96">
        <v>0.10431521359613476</v>
      </c>
      <c r="I164" s="198">
        <v>0.32181254397755266</v>
      </c>
      <c r="J164" s="96">
        <v>0.12496992459905051</v>
      </c>
      <c r="K164" s="198">
        <v>0</v>
      </c>
      <c r="L164" s="96">
        <v>4.8743201957104715E-2</v>
      </c>
      <c r="M164" s="196">
        <v>52</v>
      </c>
      <c r="N164" s="179">
        <v>4.4971814966259833</v>
      </c>
      <c r="O164" s="131">
        <v>0.53419820523248185</v>
      </c>
      <c r="P164" s="198">
        <v>0.32480444245702228</v>
      </c>
      <c r="Q164" s="96">
        <v>0.12635966257150663</v>
      </c>
      <c r="R164" s="198">
        <v>0.1214072387177258</v>
      </c>
      <c r="S164" s="96">
        <v>9.5023418677658178E-2</v>
      </c>
      <c r="T164" s="198">
        <v>0.55378831882525204</v>
      </c>
      <c r="U164" s="96">
        <v>0.13296223081082731</v>
      </c>
      <c r="V164" s="198">
        <v>0</v>
      </c>
      <c r="W164" s="96">
        <v>4.9597505344958111E-2</v>
      </c>
      <c r="X164" s="196">
        <v>53</v>
      </c>
      <c r="Y164" s="179">
        <v>3.7205332327374423</v>
      </c>
      <c r="Z164" s="131">
        <v>0.56271925163211367</v>
      </c>
      <c r="AA164" s="198">
        <v>0.55353211083788911</v>
      </c>
      <c r="AB164" s="96">
        <v>0.13179526984533316</v>
      </c>
      <c r="AC164" s="198">
        <v>2.998660181582561E-2</v>
      </c>
      <c r="AD164" s="96">
        <v>6.434816346232726E-2</v>
      </c>
      <c r="AE164" s="198">
        <v>0.41648128734628548</v>
      </c>
      <c r="AF164" s="96">
        <v>0.13084590476431218</v>
      </c>
      <c r="AG164" s="198">
        <v>0</v>
      </c>
      <c r="AH164" s="96">
        <v>4.8743201957104715E-2</v>
      </c>
    </row>
    <row r="165" spans="1:34">
      <c r="A165" s="44" t="s">
        <v>355</v>
      </c>
      <c r="B165" s="53">
        <v>69</v>
      </c>
      <c r="C165" s="83">
        <v>3.9394044695981498</v>
      </c>
      <c r="D165" s="84">
        <v>0.43093437210158542</v>
      </c>
      <c r="E165" s="197">
        <v>0.39947872541161195</v>
      </c>
      <c r="F165" s="93">
        <v>0.11490853551784501</v>
      </c>
      <c r="G165" s="197">
        <v>0.14905325285977869</v>
      </c>
      <c r="H165" s="93">
        <v>8.7574304199773315E-2</v>
      </c>
      <c r="I165" s="197">
        <v>0.41976654556030185</v>
      </c>
      <c r="J165" s="93">
        <v>0.11568704457285517</v>
      </c>
      <c r="K165" s="197">
        <v>3.1701476168307451E-2</v>
      </c>
      <c r="L165" s="93">
        <v>5.4431713235645808E-2</v>
      </c>
      <c r="M165" s="53">
        <v>69</v>
      </c>
      <c r="N165" s="83">
        <v>4.3259849502550658</v>
      </c>
      <c r="O165" s="84">
        <v>0.42920097776708482</v>
      </c>
      <c r="P165" s="197">
        <v>0.36274974384651076</v>
      </c>
      <c r="Q165" s="93">
        <v>0.11303295832848284</v>
      </c>
      <c r="R165" s="197">
        <v>0.13420974040413675</v>
      </c>
      <c r="S165" s="93">
        <v>8.4548451292429355E-2</v>
      </c>
      <c r="T165" s="197">
        <v>0.48298076830079439</v>
      </c>
      <c r="U165" s="93">
        <v>0.11698055546519741</v>
      </c>
      <c r="V165" s="197">
        <v>2.0059747448558173E-2</v>
      </c>
      <c r="W165" s="93">
        <v>4.9217879492527018E-2</v>
      </c>
      <c r="X165" s="53">
        <v>69</v>
      </c>
      <c r="Y165" s="83">
        <v>4.4774753717191897</v>
      </c>
      <c r="Z165" s="84">
        <v>0.42924431170406913</v>
      </c>
      <c r="AA165" s="197">
        <v>0.27577452494101884</v>
      </c>
      <c r="AB165" s="93">
        <v>0.10600640913417884</v>
      </c>
      <c r="AC165" s="197">
        <v>0.22011225142406485</v>
      </c>
      <c r="AD165" s="93">
        <v>9.931616568544463E-2</v>
      </c>
      <c r="AE165" s="197">
        <v>0.48405347618635808</v>
      </c>
      <c r="AF165" s="93">
        <v>0.1169879545275931</v>
      </c>
      <c r="AG165" s="197">
        <v>2.0059747448558173E-2</v>
      </c>
      <c r="AH165" s="93">
        <v>4.9217879492527018E-2</v>
      </c>
    </row>
    <row r="166" spans="1:34">
      <c r="A166" s="48" t="s">
        <v>356</v>
      </c>
      <c r="B166" s="196">
        <v>59</v>
      </c>
      <c r="C166" s="179">
        <v>6.5169033932241023</v>
      </c>
      <c r="D166" s="131">
        <v>0.22824789702711526</v>
      </c>
      <c r="E166" s="198">
        <v>0</v>
      </c>
      <c r="F166" s="96">
        <v>4.4177291598495712E-2</v>
      </c>
      <c r="G166" s="198">
        <v>4.7976993702815572E-2</v>
      </c>
      <c r="H166" s="96">
        <v>6.7045364962908041E-2</v>
      </c>
      <c r="I166" s="198">
        <v>0.9520230062971845</v>
      </c>
      <c r="J166" s="96">
        <v>6.7045364962908013E-2</v>
      </c>
      <c r="K166" s="198">
        <v>0</v>
      </c>
      <c r="L166" s="96">
        <v>4.4177291598495712E-2</v>
      </c>
      <c r="M166" s="196">
        <v>59</v>
      </c>
      <c r="N166" s="179">
        <v>6.2857540800069591</v>
      </c>
      <c r="O166" s="131">
        <v>0.25080805920560456</v>
      </c>
      <c r="P166" s="198">
        <v>1.7881933705897166E-2</v>
      </c>
      <c r="Q166" s="96">
        <v>5.4125704296217485E-2</v>
      </c>
      <c r="R166" s="198">
        <v>2.9944331990619896E-2</v>
      </c>
      <c r="S166" s="96">
        <v>5.9742513903424319E-2</v>
      </c>
      <c r="T166" s="198">
        <v>0.95217373430348307</v>
      </c>
      <c r="U166" s="96">
        <v>6.6988743129273901E-2</v>
      </c>
      <c r="V166" s="198">
        <v>0</v>
      </c>
      <c r="W166" s="96">
        <v>4.4177291598495712E-2</v>
      </c>
      <c r="X166" s="196">
        <v>59</v>
      </c>
      <c r="Y166" s="179">
        <v>4.6438795018097423</v>
      </c>
      <c r="Z166" s="131">
        <v>0.43972348189782645</v>
      </c>
      <c r="AA166" s="198">
        <v>0.23472405262076168</v>
      </c>
      <c r="AB166" s="96">
        <v>0.10933595512612224</v>
      </c>
      <c r="AC166" s="198">
        <v>0.24667194855069596</v>
      </c>
      <c r="AD166" s="96">
        <v>0.11090262058619138</v>
      </c>
      <c r="AE166" s="198">
        <v>0.51860399882854258</v>
      </c>
      <c r="AF166" s="96">
        <v>0.12591164609438932</v>
      </c>
      <c r="AG166" s="198">
        <v>0</v>
      </c>
      <c r="AH166" s="96">
        <v>4.4177291598495712E-2</v>
      </c>
    </row>
    <row r="167" spans="1:34">
      <c r="A167" s="56" t="s">
        <v>357</v>
      </c>
      <c r="B167" s="195">
        <v>47</v>
      </c>
      <c r="C167" s="83">
        <v>5.3936556587234792</v>
      </c>
      <c r="D167" s="84">
        <v>0.30890431356407555</v>
      </c>
      <c r="E167" s="197">
        <v>3.3388094023060574E-2</v>
      </c>
      <c r="F167" s="93">
        <v>7.1448427120165262E-2</v>
      </c>
      <c r="G167" s="197">
        <v>0.23343274540136755</v>
      </c>
      <c r="H167" s="93">
        <v>0.12196147096281189</v>
      </c>
      <c r="I167" s="197">
        <v>0.73317916057557198</v>
      </c>
      <c r="J167" s="93">
        <v>0.12643591897125181</v>
      </c>
      <c r="K167" s="197">
        <v>0</v>
      </c>
      <c r="L167" s="93">
        <v>5.4361041575189964E-2</v>
      </c>
      <c r="M167" s="195">
        <v>47</v>
      </c>
      <c r="N167" s="83">
        <v>5.9362541647142733</v>
      </c>
      <c r="O167" s="84">
        <v>0.35181846960910446</v>
      </c>
      <c r="P167" s="197">
        <v>3.3388094023060574E-2</v>
      </c>
      <c r="Q167" s="93">
        <v>7.1448427120165262E-2</v>
      </c>
      <c r="R167" s="197">
        <v>7.4351582487194895E-2</v>
      </c>
      <c r="S167" s="93">
        <v>8.6830362226951951E-2</v>
      </c>
      <c r="T167" s="197">
        <v>0.8922603234897446</v>
      </c>
      <c r="U167" s="93">
        <v>9.6739595415812785E-2</v>
      </c>
      <c r="V167" s="197">
        <v>0</v>
      </c>
      <c r="W167" s="93">
        <v>5.4361041575189964E-2</v>
      </c>
      <c r="X167" s="195">
        <v>47</v>
      </c>
      <c r="Y167" s="83">
        <v>4.6989007756199825</v>
      </c>
      <c r="Z167" s="84">
        <v>0.45191482393194016</v>
      </c>
      <c r="AA167" s="197">
        <v>0.25116830816459462</v>
      </c>
      <c r="AB167" s="93">
        <v>0.12443264507867276</v>
      </c>
      <c r="AC167" s="197">
        <v>0.12489887831300164</v>
      </c>
      <c r="AD167" s="93">
        <v>0.10117131725961517</v>
      </c>
      <c r="AE167" s="197">
        <v>0.62393281352240393</v>
      </c>
      <c r="AF167" s="93">
        <v>0.1363258736058483</v>
      </c>
      <c r="AG167" s="197">
        <v>0</v>
      </c>
      <c r="AH167" s="93">
        <v>5.4361041575189964E-2</v>
      </c>
    </row>
    <row r="168" spans="1:34">
      <c r="A168" s="48" t="s">
        <v>358</v>
      </c>
      <c r="B168" s="196">
        <v>80</v>
      </c>
      <c r="C168" s="179">
        <v>4.3806949294334201</v>
      </c>
      <c r="D168" s="131">
        <v>0.4125021339453806</v>
      </c>
      <c r="E168" s="198">
        <v>0.34064290501967853</v>
      </c>
      <c r="F168" s="96">
        <v>0.10396113588610817</v>
      </c>
      <c r="G168" s="198">
        <v>8.1168129486703114E-2</v>
      </c>
      <c r="H168" s="96">
        <v>6.5787813950711815E-2</v>
      </c>
      <c r="I168" s="198">
        <v>0.57674898301029132</v>
      </c>
      <c r="J168" s="96">
        <v>0.10793676009178615</v>
      </c>
      <c r="K168" s="198">
        <v>1.4399824833264863E-3</v>
      </c>
      <c r="L168" s="96">
        <v>3.4189149055385636E-2</v>
      </c>
      <c r="M168" s="196">
        <v>80</v>
      </c>
      <c r="N168" s="179">
        <v>4.515597166603567</v>
      </c>
      <c r="O168" s="131">
        <v>0.41610217926224013</v>
      </c>
      <c r="P168" s="198">
        <v>0.29833102636301995</v>
      </c>
      <c r="Q168" s="96">
        <v>0.10073793701635911</v>
      </c>
      <c r="R168" s="198">
        <v>0.10788535207443532</v>
      </c>
      <c r="S168" s="96">
        <v>7.2552340018827488E-2</v>
      </c>
      <c r="T168" s="198">
        <v>0.58189111302335672</v>
      </c>
      <c r="U168" s="96">
        <v>0.10777342199951134</v>
      </c>
      <c r="V168" s="198">
        <v>1.1892508539187354E-2</v>
      </c>
      <c r="W168" s="96">
        <v>4.0178887744696683E-2</v>
      </c>
      <c r="X168" s="196">
        <v>79</v>
      </c>
      <c r="Y168" s="179">
        <v>3.7219288055379534</v>
      </c>
      <c r="Z168" s="131">
        <v>0.4217993849880054</v>
      </c>
      <c r="AA168" s="198">
        <v>0.53218857513306361</v>
      </c>
      <c r="AB168" s="96">
        <v>0.10955800679886776</v>
      </c>
      <c r="AC168" s="198">
        <v>0.13491467407612562</v>
      </c>
      <c r="AD168" s="96">
        <v>7.8923512616852362E-2</v>
      </c>
      <c r="AE168" s="198">
        <v>0.33143943719307845</v>
      </c>
      <c r="AF168" s="96">
        <v>0.10396012140633409</v>
      </c>
      <c r="AG168" s="198">
        <v>1.4573135977317855E-3</v>
      </c>
      <c r="AH168" s="96">
        <v>3.4595117742337422E-2</v>
      </c>
    </row>
    <row r="169" spans="1:34">
      <c r="A169" s="56" t="s">
        <v>359</v>
      </c>
      <c r="B169" s="195">
        <v>103</v>
      </c>
      <c r="C169" s="83">
        <v>5.595705406831315</v>
      </c>
      <c r="D169" s="84">
        <v>0.28403816635784268</v>
      </c>
      <c r="E169" s="197">
        <v>9.8850959647920164E-2</v>
      </c>
      <c r="F169" s="93">
        <v>6.1412046009846989E-2</v>
      </c>
      <c r="G169" s="197">
        <v>9.4034223546146281E-2</v>
      </c>
      <c r="H169" s="93">
        <v>6.0305632114318178E-2</v>
      </c>
      <c r="I169" s="197">
        <v>0.79704911476239948</v>
      </c>
      <c r="J169" s="93">
        <v>7.930439575821116E-2</v>
      </c>
      <c r="K169" s="197">
        <v>1.0065702043533966E-2</v>
      </c>
      <c r="L169" s="93">
        <v>3.2107018230661151E-2</v>
      </c>
      <c r="M169" s="195">
        <v>105</v>
      </c>
      <c r="N169" s="83">
        <v>5.8434372970918655</v>
      </c>
      <c r="O169" s="84">
        <v>0.26190962100054593</v>
      </c>
      <c r="P169" s="197">
        <v>6.7634113750765709E-2</v>
      </c>
      <c r="Q169" s="93">
        <v>5.2994157971508575E-2</v>
      </c>
      <c r="R169" s="197">
        <v>6.6263687356732021E-2</v>
      </c>
      <c r="S169" s="93">
        <v>5.2611423942415136E-2</v>
      </c>
      <c r="T169" s="197">
        <v>0.86610219889250206</v>
      </c>
      <c r="U169" s="93">
        <v>6.7897874384506784E-2</v>
      </c>
      <c r="V169" s="197">
        <v>0</v>
      </c>
      <c r="W169" s="93">
        <v>2.5709707484377786E-2</v>
      </c>
      <c r="X169" s="195">
        <v>103</v>
      </c>
      <c r="Y169" s="83">
        <v>4.4701710116225604</v>
      </c>
      <c r="Z169" s="84">
        <v>0.35490373211682719</v>
      </c>
      <c r="AA169" s="197">
        <v>0.33081033909295365</v>
      </c>
      <c r="AB169" s="93">
        <v>9.1401354298961415E-2</v>
      </c>
      <c r="AC169" s="197">
        <v>0.1723285012616875</v>
      </c>
      <c r="AD169" s="93">
        <v>7.5010005756718054E-2</v>
      </c>
      <c r="AE169" s="197">
        <v>0.49686115964535815</v>
      </c>
      <c r="AF169" s="93">
        <v>9.6671883730977376E-2</v>
      </c>
      <c r="AG169" s="197">
        <v>0</v>
      </c>
      <c r="AH169" s="93">
        <v>2.6185687246820841E-2</v>
      </c>
    </row>
    <row r="170" spans="1:34">
      <c r="A170" s="48" t="s">
        <v>371</v>
      </c>
      <c r="B170" s="196">
        <v>172</v>
      </c>
      <c r="C170" s="179">
        <v>4.8780556352296545</v>
      </c>
      <c r="D170" s="131">
        <v>0.2526889501368027</v>
      </c>
      <c r="E170" s="198">
        <v>0.23774145814243383</v>
      </c>
      <c r="F170" s="96">
        <v>6.472165463332534E-2</v>
      </c>
      <c r="G170" s="198">
        <v>0.14816894335864267</v>
      </c>
      <c r="H170" s="96">
        <v>5.4726087370673207E-2</v>
      </c>
      <c r="I170" s="198">
        <v>0.61408959849892408</v>
      </c>
      <c r="J170" s="96">
        <v>7.347982041354402E-2</v>
      </c>
      <c r="K170" s="198">
        <v>0</v>
      </c>
      <c r="L170" s="96">
        <v>1.5979037498200434E-2</v>
      </c>
      <c r="M170" s="196">
        <v>172</v>
      </c>
      <c r="N170" s="179">
        <v>5.3493874617286004</v>
      </c>
      <c r="O170" s="131">
        <v>0.23668590975267267</v>
      </c>
      <c r="P170" s="198">
        <v>0.16149652181371843</v>
      </c>
      <c r="Q170" s="96">
        <v>5.652123497125687E-2</v>
      </c>
      <c r="R170" s="198">
        <v>8.712834071673338E-2</v>
      </c>
      <c r="S170" s="96">
        <v>4.4516917720984921E-2</v>
      </c>
      <c r="T170" s="198">
        <v>0.75137513746954854</v>
      </c>
      <c r="U170" s="96">
        <v>6.5652346985728582E-2</v>
      </c>
      <c r="V170" s="198">
        <v>0</v>
      </c>
      <c r="W170" s="96">
        <v>1.5979037498200434E-2</v>
      </c>
      <c r="X170" s="196">
        <v>172</v>
      </c>
      <c r="Y170" s="179">
        <v>4.158506667954935</v>
      </c>
      <c r="Z170" s="131">
        <v>0.29173750423732675</v>
      </c>
      <c r="AA170" s="198">
        <v>0.38728597436019851</v>
      </c>
      <c r="AB170" s="96">
        <v>7.3525886177309291E-2</v>
      </c>
      <c r="AC170" s="198">
        <v>0.15163098594705551</v>
      </c>
      <c r="AD170" s="96">
        <v>5.520473285899636E-2</v>
      </c>
      <c r="AE170" s="198">
        <v>0.4545218322307934</v>
      </c>
      <c r="AF170" s="96">
        <v>7.5079454871406659E-2</v>
      </c>
      <c r="AG170" s="198">
        <v>6.5612074619532937E-3</v>
      </c>
      <c r="AH170" s="96">
        <v>1.9920152574516178E-2</v>
      </c>
    </row>
    <row r="171" spans="1:34">
      <c r="A171" s="56" t="s">
        <v>360</v>
      </c>
      <c r="B171" s="195">
        <v>96</v>
      </c>
      <c r="C171" s="83">
        <v>4.7928465915996172</v>
      </c>
      <c r="D171" s="84">
        <v>0.33598323621070714</v>
      </c>
      <c r="E171" s="197">
        <v>0.25133880950798276</v>
      </c>
      <c r="F171" s="93">
        <v>8.7867006671536116E-2</v>
      </c>
      <c r="G171" s="197">
        <v>0.14273381832735244</v>
      </c>
      <c r="H171" s="93">
        <v>7.2764766968388184E-2</v>
      </c>
      <c r="I171" s="197">
        <v>0.60592737216466519</v>
      </c>
      <c r="J171" s="93">
        <v>9.7909976510487939E-2</v>
      </c>
      <c r="K171" s="197">
        <v>0</v>
      </c>
      <c r="L171" s="93">
        <v>2.8000000000000001E-2</v>
      </c>
      <c r="M171" s="195">
        <v>96</v>
      </c>
      <c r="N171" s="83">
        <v>5.1952094100002704</v>
      </c>
      <c r="O171" s="84">
        <v>0.30302364842673257</v>
      </c>
      <c r="P171" s="197">
        <v>0.14904564102115342</v>
      </c>
      <c r="Q171" s="93">
        <v>7.388842522108835E-2</v>
      </c>
      <c r="R171" s="197">
        <v>0.10590297083204048</v>
      </c>
      <c r="S171" s="93">
        <v>6.5380128211397992E-2</v>
      </c>
      <c r="T171" s="197">
        <v>0.74505138814680605</v>
      </c>
      <c r="U171" s="93">
        <v>8.8240070603191431E-2</v>
      </c>
      <c r="V171" s="197">
        <v>0</v>
      </c>
      <c r="W171" s="93">
        <v>2.8000000000000001E-2</v>
      </c>
      <c r="X171" s="195">
        <v>96</v>
      </c>
      <c r="Y171" s="83">
        <v>3.8469150143283182</v>
      </c>
      <c r="Z171" s="84">
        <v>0.36777834197109721</v>
      </c>
      <c r="AA171" s="197">
        <v>0.39451406333915623</v>
      </c>
      <c r="AB171" s="93">
        <v>9.7927543855834256E-2</v>
      </c>
      <c r="AC171" s="197">
        <v>0.23318055484967995</v>
      </c>
      <c r="AD171" s="93">
        <v>8.5881053744910424E-2</v>
      </c>
      <c r="AE171" s="197">
        <v>0.36031609606022508</v>
      </c>
      <c r="AF171" s="93">
        <v>9.6336517660314147E-2</v>
      </c>
      <c r="AG171" s="197">
        <v>1.1989285750939058E-2</v>
      </c>
      <c r="AH171" s="93">
        <v>3.4938146616165358E-2</v>
      </c>
    </row>
    <row r="172" spans="1:34">
      <c r="A172" s="48" t="s">
        <v>370</v>
      </c>
      <c r="B172" s="196">
        <v>273</v>
      </c>
      <c r="C172" s="179">
        <v>4.6337843714036904</v>
      </c>
      <c r="D172" s="131">
        <v>0.21866996742005834</v>
      </c>
      <c r="E172" s="198">
        <v>0.28693047190712684</v>
      </c>
      <c r="F172" s="96">
        <v>5.4528244062814264E-2</v>
      </c>
      <c r="G172" s="198">
        <v>0.13900691204187993</v>
      </c>
      <c r="H172" s="96">
        <v>4.2216641785224766E-2</v>
      </c>
      <c r="I172" s="198">
        <v>0.57375794454164553</v>
      </c>
      <c r="J172" s="96">
        <v>5.9445785739159235E-2</v>
      </c>
      <c r="K172" s="198">
        <v>3.0467150934720489E-4</v>
      </c>
      <c r="L172" s="96">
        <v>1.0381829989403003E-2</v>
      </c>
      <c r="M172" s="196">
        <v>274</v>
      </c>
      <c r="N172" s="179">
        <v>4.7585199762110308</v>
      </c>
      <c r="O172" s="131">
        <v>0.22001523686785085</v>
      </c>
      <c r="P172" s="198">
        <v>0.23151740899229709</v>
      </c>
      <c r="Q172" s="96">
        <v>5.088801405254581E-2</v>
      </c>
      <c r="R172" s="198">
        <v>0.18244180800621987</v>
      </c>
      <c r="S172" s="96">
        <v>4.6771737147901817E-2</v>
      </c>
      <c r="T172" s="198">
        <v>0.58604078300148221</v>
      </c>
      <c r="U172" s="96">
        <v>5.9107083345940781E-2</v>
      </c>
      <c r="V172" s="198">
        <v>0</v>
      </c>
      <c r="W172" s="96">
        <v>1.0137534393586457E-2</v>
      </c>
      <c r="X172" s="196">
        <v>274</v>
      </c>
      <c r="Y172" s="179">
        <v>4.2019205642353192</v>
      </c>
      <c r="Z172" s="131">
        <v>0.23395382243765983</v>
      </c>
      <c r="AA172" s="198">
        <v>0.38437744369191279</v>
      </c>
      <c r="AB172" s="96">
        <v>5.8397467670093586E-2</v>
      </c>
      <c r="AC172" s="198">
        <v>0.15254210286929426</v>
      </c>
      <c r="AD172" s="96">
        <v>4.3699789073579069E-2</v>
      </c>
      <c r="AE172" s="198">
        <v>0.45177662106129923</v>
      </c>
      <c r="AF172" s="96">
        <v>5.9704421221205194E-2</v>
      </c>
      <c r="AG172" s="198">
        <v>1.1303832377493026E-2</v>
      </c>
      <c r="AH172" s="96">
        <v>1.6092915393862345E-2</v>
      </c>
    </row>
    <row r="173" spans="1:34">
      <c r="A173" s="56" t="s">
        <v>361</v>
      </c>
      <c r="B173" s="195">
        <v>120</v>
      </c>
      <c r="C173" s="83">
        <v>4.8563547444982325</v>
      </c>
      <c r="D173" s="84">
        <v>0.32982201577745418</v>
      </c>
      <c r="E173" s="197">
        <v>0.25068578440751632</v>
      </c>
      <c r="F173" s="93">
        <v>7.8655620993534153E-2</v>
      </c>
      <c r="G173" s="197">
        <v>0.12891629511705871</v>
      </c>
      <c r="H173" s="93">
        <v>6.2485524643289471E-2</v>
      </c>
      <c r="I173" s="197">
        <v>0.6203979204754243</v>
      </c>
      <c r="J173" s="93">
        <v>8.7330381336448867E-2</v>
      </c>
      <c r="K173" s="197">
        <v>0</v>
      </c>
      <c r="L173" s="93">
        <v>2.262519761202799E-2</v>
      </c>
      <c r="M173" s="195">
        <v>120</v>
      </c>
      <c r="N173" s="83">
        <v>4.7961338793403252</v>
      </c>
      <c r="O173" s="84">
        <v>0.34544877508706018</v>
      </c>
      <c r="P173" s="197">
        <v>0.26795837317549798</v>
      </c>
      <c r="Q173" s="93">
        <v>8.0236428327914375E-2</v>
      </c>
      <c r="R173" s="197">
        <v>0.15260564957131492</v>
      </c>
      <c r="S173" s="93">
        <v>6.6472787095895283E-2</v>
      </c>
      <c r="T173" s="197">
        <v>0.57943597725318663</v>
      </c>
      <c r="U173" s="93">
        <v>8.8734918926345427E-2</v>
      </c>
      <c r="V173" s="197">
        <v>0</v>
      </c>
      <c r="W173" s="93">
        <v>2.262519761202799E-2</v>
      </c>
      <c r="X173" s="195">
        <v>119</v>
      </c>
      <c r="Y173" s="83">
        <v>4.1585418395501028</v>
      </c>
      <c r="Z173" s="84">
        <v>0.33630475104963714</v>
      </c>
      <c r="AA173" s="197">
        <v>0.38507759949938331</v>
      </c>
      <c r="AB173" s="93">
        <v>8.7909390991579933E-2</v>
      </c>
      <c r="AC173" s="197">
        <v>0.14813324868081174</v>
      </c>
      <c r="AD173" s="93">
        <v>6.6040526554692239E-2</v>
      </c>
      <c r="AE173" s="197">
        <v>0.46678915181980452</v>
      </c>
      <c r="AF173" s="93">
        <v>8.998059598733496E-2</v>
      </c>
      <c r="AG173" s="197">
        <v>0</v>
      </c>
      <c r="AH173" s="93">
        <v>2.2807622255924295E-2</v>
      </c>
    </row>
    <row r="174" spans="1:34">
      <c r="A174" s="48" t="s">
        <v>375</v>
      </c>
      <c r="B174" s="196">
        <v>105</v>
      </c>
      <c r="C174" s="179">
        <v>4.5422087258198651</v>
      </c>
      <c r="D174" s="131">
        <v>0.33788927534498991</v>
      </c>
      <c r="E174" s="198">
        <v>0.2883744446577266</v>
      </c>
      <c r="F174" s="96">
        <v>8.7459833496050257E-2</v>
      </c>
      <c r="G174" s="198">
        <v>0.1757013912010375</v>
      </c>
      <c r="H174" s="96">
        <v>7.4785969966715091E-2</v>
      </c>
      <c r="I174" s="198">
        <v>0.53592416414123578</v>
      </c>
      <c r="J174" s="96">
        <v>9.5552941358075127E-2</v>
      </c>
      <c r="K174" s="198">
        <v>0</v>
      </c>
      <c r="L174" s="96">
        <v>2.5709707484377786E-2</v>
      </c>
      <c r="M174" s="196">
        <v>106</v>
      </c>
      <c r="N174" s="179">
        <v>4.8832754453104537</v>
      </c>
      <c r="O174" s="131">
        <v>0.32146348624933235</v>
      </c>
      <c r="P174" s="198">
        <v>0.15353129364341955</v>
      </c>
      <c r="Q174" s="96">
        <v>7.0975265105592822E-2</v>
      </c>
      <c r="R174" s="198">
        <v>0.24437150383222672</v>
      </c>
      <c r="S174" s="96">
        <v>8.2972086267695436E-2</v>
      </c>
      <c r="T174" s="198">
        <v>0.60209720252435361</v>
      </c>
      <c r="U174" s="96">
        <v>9.3482224856407337E-2</v>
      </c>
      <c r="V174" s="198">
        <v>0</v>
      </c>
      <c r="W174" s="96">
        <v>2.5478147263468021E-2</v>
      </c>
      <c r="X174" s="196">
        <v>107</v>
      </c>
      <c r="Y174" s="179">
        <v>4.4063154565872207</v>
      </c>
      <c r="Z174" s="131">
        <v>0.39018843413438797</v>
      </c>
      <c r="AA174" s="198">
        <v>0.33131237967431992</v>
      </c>
      <c r="AB174" s="96">
        <v>8.9756102422585027E-2</v>
      </c>
      <c r="AC174" s="198">
        <v>0.15777081863088591</v>
      </c>
      <c r="AD174" s="96">
        <v>7.1324214570476982E-2</v>
      </c>
      <c r="AE174" s="198">
        <v>0.48506829984774702</v>
      </c>
      <c r="AF174" s="96">
        <v>9.4876462811464696E-2</v>
      </c>
      <c r="AG174" s="198">
        <v>2.5848501847046873E-2</v>
      </c>
      <c r="AH174" s="96">
        <v>3.8480894738674727E-2</v>
      </c>
    </row>
    <row r="175" spans="1:34">
      <c r="A175" s="56" t="s">
        <v>358</v>
      </c>
      <c r="B175" s="195">
        <v>80</v>
      </c>
      <c r="C175" s="83">
        <v>4.3806949294334201</v>
      </c>
      <c r="D175" s="84">
        <v>0.4125021339453806</v>
      </c>
      <c r="E175" s="197">
        <v>0.34064290501967853</v>
      </c>
      <c r="F175" s="93">
        <v>0.10396113588610817</v>
      </c>
      <c r="G175" s="197">
        <v>8.1168129486703114E-2</v>
      </c>
      <c r="H175" s="93">
        <v>6.5787813950711815E-2</v>
      </c>
      <c r="I175" s="197">
        <v>0.57674898301029132</v>
      </c>
      <c r="J175" s="93">
        <v>0.10793676009178615</v>
      </c>
      <c r="K175" s="197">
        <v>1.4399824833264863E-3</v>
      </c>
      <c r="L175" s="93">
        <v>3.4189149055385636E-2</v>
      </c>
      <c r="M175" s="195">
        <v>80</v>
      </c>
      <c r="N175" s="83">
        <v>4.515597166603567</v>
      </c>
      <c r="O175" s="84">
        <v>0.41610217926224013</v>
      </c>
      <c r="P175" s="197">
        <v>0.29833102636301995</v>
      </c>
      <c r="Q175" s="93">
        <v>0.10073793701635911</v>
      </c>
      <c r="R175" s="197">
        <v>0.10788535207443532</v>
      </c>
      <c r="S175" s="93">
        <v>7.2552340018827488E-2</v>
      </c>
      <c r="T175" s="197">
        <v>0.58189111302335672</v>
      </c>
      <c r="U175" s="93">
        <v>0.10777342199951134</v>
      </c>
      <c r="V175" s="197">
        <v>1.1892508539187354E-2</v>
      </c>
      <c r="W175" s="93">
        <v>4.0178887744696683E-2</v>
      </c>
      <c r="X175" s="195">
        <v>79</v>
      </c>
      <c r="Y175" s="83">
        <v>3.7219288055379534</v>
      </c>
      <c r="Z175" s="84">
        <v>0.4217993849880054</v>
      </c>
      <c r="AA175" s="197">
        <v>0.53218857513306361</v>
      </c>
      <c r="AB175" s="93">
        <v>0.10955800679886776</v>
      </c>
      <c r="AC175" s="197">
        <v>0.13491467407612562</v>
      </c>
      <c r="AD175" s="93">
        <v>7.8923512616852362E-2</v>
      </c>
      <c r="AE175" s="197">
        <v>0.33143943719307845</v>
      </c>
      <c r="AF175" s="93">
        <v>0.10396012140633409</v>
      </c>
      <c r="AG175" s="197">
        <v>1.4573135977317855E-3</v>
      </c>
      <c r="AH175" s="93">
        <v>3.4595117742337422E-2</v>
      </c>
    </row>
    <row r="177" spans="1:32" ht="18.75">
      <c r="A177" s="293" t="s">
        <v>238</v>
      </c>
      <c r="B177" s="293"/>
      <c r="C177" s="293"/>
      <c r="D177" s="293"/>
      <c r="E177" s="293"/>
      <c r="F177" s="293"/>
      <c r="G177" s="293"/>
      <c r="H177" s="293"/>
      <c r="I177" s="293"/>
      <c r="J177" s="293"/>
      <c r="K177" s="293"/>
      <c r="L177" s="293"/>
      <c r="M177" s="231"/>
      <c r="N177" s="231"/>
      <c r="O177" s="231"/>
      <c r="P177" s="249"/>
      <c r="Q177" s="249"/>
      <c r="R177" s="249"/>
      <c r="S177" s="249"/>
      <c r="T177" s="249"/>
      <c r="U177" s="249"/>
      <c r="V177" s="249"/>
      <c r="W177" s="249"/>
      <c r="X177" s="249"/>
      <c r="Y177" s="249"/>
      <c r="Z177" s="249"/>
      <c r="AA177" s="249"/>
      <c r="AB177" s="249"/>
    </row>
    <row r="178" spans="1:32" ht="41.25" customHeight="1">
      <c r="A178" s="417" t="s">
        <v>613</v>
      </c>
      <c r="B178" s="417"/>
      <c r="C178" s="417"/>
      <c r="D178" s="417"/>
      <c r="E178" s="417"/>
      <c r="F178" s="417"/>
      <c r="G178" s="417"/>
      <c r="H178" s="417"/>
      <c r="I178" s="417"/>
      <c r="J178" s="417"/>
      <c r="K178" s="417"/>
      <c r="L178" s="417"/>
      <c r="M178" s="295"/>
      <c r="N178" s="237"/>
      <c r="O178" s="237"/>
      <c r="P178" s="249"/>
      <c r="Q178" s="249"/>
      <c r="R178" s="249"/>
      <c r="S178" s="249"/>
      <c r="T178" s="249"/>
      <c r="U178" s="249"/>
      <c r="V178" s="249"/>
      <c r="W178" s="249"/>
      <c r="X178" s="249"/>
      <c r="Y178" s="249"/>
      <c r="Z178" s="249"/>
      <c r="AA178" s="249"/>
      <c r="AB178" s="249"/>
    </row>
    <row r="179" spans="1:32" ht="36" customHeight="1">
      <c r="A179" s="63"/>
      <c r="B179" s="386" t="s">
        <v>239</v>
      </c>
      <c r="C179" s="387"/>
      <c r="D179" s="387"/>
      <c r="E179" s="387"/>
      <c r="F179" s="387"/>
      <c r="G179" s="387"/>
      <c r="H179" s="387"/>
      <c r="I179" s="387"/>
      <c r="J179" s="387"/>
      <c r="K179" s="387"/>
      <c r="L179" s="388"/>
      <c r="M179" s="249"/>
      <c r="N179" s="249"/>
      <c r="O179" s="249"/>
      <c r="P179" s="249"/>
      <c r="Q179" s="249"/>
      <c r="R179" s="249"/>
      <c r="S179" s="249"/>
      <c r="T179" s="249"/>
      <c r="U179" s="249"/>
      <c r="V179" s="249"/>
      <c r="W179" s="249"/>
      <c r="X179" s="249"/>
      <c r="Y179" s="249"/>
      <c r="Z179" s="249"/>
      <c r="AA179" s="249"/>
      <c r="AB179" s="249"/>
      <c r="AC179" s="249"/>
      <c r="AD179" s="249"/>
      <c r="AE179" s="249"/>
      <c r="AF179" s="249"/>
    </row>
    <row r="180" spans="1:32" ht="39.75" customHeight="1">
      <c r="A180" s="36" t="s">
        <v>70</v>
      </c>
      <c r="B180" s="37" t="s">
        <v>71</v>
      </c>
      <c r="C180" s="38" t="s">
        <v>594</v>
      </c>
      <c r="D180" s="39" t="s">
        <v>72</v>
      </c>
      <c r="E180" s="37" t="s">
        <v>312</v>
      </c>
      <c r="F180" s="88" t="s">
        <v>142</v>
      </c>
      <c r="G180" s="37" t="s">
        <v>313</v>
      </c>
      <c r="H180" s="88" t="s">
        <v>143</v>
      </c>
      <c r="I180" s="37" t="s">
        <v>314</v>
      </c>
      <c r="J180" s="88" t="s">
        <v>116</v>
      </c>
      <c r="K180" s="37" t="s">
        <v>301</v>
      </c>
      <c r="L180" s="88" t="s">
        <v>315</v>
      </c>
      <c r="M180" s="249"/>
      <c r="N180" s="249"/>
      <c r="O180" s="249"/>
      <c r="P180" s="249"/>
      <c r="Q180" s="249"/>
      <c r="R180" s="249"/>
      <c r="S180" s="249"/>
      <c r="T180" s="249"/>
      <c r="U180" s="249"/>
      <c r="V180" s="249"/>
      <c r="W180" s="249"/>
      <c r="X180" s="249"/>
      <c r="Y180" s="249"/>
      <c r="Z180" s="249"/>
      <c r="AA180" s="249"/>
      <c r="AB180" s="249"/>
      <c r="AC180" s="249"/>
      <c r="AD180" s="249"/>
      <c r="AE180" s="249"/>
      <c r="AF180" s="249"/>
    </row>
    <row r="181" spans="1:32" ht="72">
      <c r="A181" s="40"/>
      <c r="B181" s="41" t="s">
        <v>73</v>
      </c>
      <c r="C181" s="127" t="s">
        <v>304</v>
      </c>
      <c r="D181" s="43" t="s">
        <v>75</v>
      </c>
      <c r="E181" s="41" t="s">
        <v>159</v>
      </c>
      <c r="F181" s="90" t="s">
        <v>87</v>
      </c>
      <c r="G181" s="41" t="s">
        <v>160</v>
      </c>
      <c r="H181" s="90" t="s">
        <v>87</v>
      </c>
      <c r="I181" s="41" t="s">
        <v>161</v>
      </c>
      <c r="J181" s="90" t="s">
        <v>87</v>
      </c>
      <c r="K181" s="41" t="s">
        <v>301</v>
      </c>
      <c r="L181" s="90" t="s">
        <v>87</v>
      </c>
    </row>
    <row r="182" spans="1:32">
      <c r="A182" s="44" t="s">
        <v>349</v>
      </c>
      <c r="B182" s="199">
        <v>13838</v>
      </c>
      <c r="C182" s="83">
        <v>4.7531192671633828</v>
      </c>
      <c r="D182" s="84">
        <v>2.7919035805388397E-2</v>
      </c>
      <c r="E182" s="197">
        <v>0.19002045105263729</v>
      </c>
      <c r="F182" s="93">
        <v>6.6703112055608339E-3</v>
      </c>
      <c r="G182" s="197">
        <v>0.1840468065802596</v>
      </c>
      <c r="H182" s="93">
        <v>6.5888669336456353E-3</v>
      </c>
      <c r="I182" s="197">
        <v>0.57979952345395602</v>
      </c>
      <c r="J182" s="93">
        <v>8.3907551919310368E-3</v>
      </c>
      <c r="K182" s="197">
        <v>4.6133218913162459E-2</v>
      </c>
      <c r="L182" s="93">
        <v>3.5708197407605087E-3</v>
      </c>
    </row>
    <row r="183" spans="1:32">
      <c r="A183" s="48" t="s">
        <v>350</v>
      </c>
      <c r="B183" s="48">
        <v>10167</v>
      </c>
      <c r="C183" s="179">
        <v>4.5506508062160735</v>
      </c>
      <c r="D183" s="131">
        <v>3.3212653597497817E-2</v>
      </c>
      <c r="E183" s="198">
        <v>0.23948467955034444</v>
      </c>
      <c r="F183" s="96">
        <v>8.4645649693695091E-3</v>
      </c>
      <c r="G183" s="198">
        <v>0.17748811872500828</v>
      </c>
      <c r="H183" s="96">
        <v>7.5792378329316047E-3</v>
      </c>
      <c r="I183" s="198">
        <v>0.54233865221360755</v>
      </c>
      <c r="J183" s="96">
        <v>9.8799966681224032E-3</v>
      </c>
      <c r="K183" s="198">
        <v>4.0688549511036121E-2</v>
      </c>
      <c r="L183" s="96">
        <v>3.9263144682149921E-3</v>
      </c>
    </row>
    <row r="184" spans="1:32">
      <c r="A184" s="44" t="s">
        <v>351</v>
      </c>
      <c r="B184" s="52">
        <v>3671</v>
      </c>
      <c r="C184" s="83">
        <v>4.9204671233886801</v>
      </c>
      <c r="D184" s="84">
        <v>4.9751738154754886E-2</v>
      </c>
      <c r="E184" s="197">
        <v>0.14955824544207372</v>
      </c>
      <c r="F184" s="93">
        <v>1.1778350780796388E-2</v>
      </c>
      <c r="G184" s="197">
        <v>0.18941187512765661</v>
      </c>
      <c r="H184" s="93">
        <v>1.293604968490268E-2</v>
      </c>
      <c r="I184" s="197">
        <v>0.61044286957522487</v>
      </c>
      <c r="J184" s="93">
        <v>1.6089170254407308E-2</v>
      </c>
      <c r="K184" s="197">
        <v>5.0587009855044267E-2</v>
      </c>
      <c r="L184" s="93">
        <v>7.2631690039010729E-3</v>
      </c>
    </row>
    <row r="185" spans="1:32">
      <c r="A185" s="48" t="s">
        <v>558</v>
      </c>
      <c r="B185" s="48">
        <v>331</v>
      </c>
      <c r="C185" s="179">
        <v>4.6976171851674113</v>
      </c>
      <c r="D185" s="131">
        <v>0.16214161487547188</v>
      </c>
      <c r="E185" s="198">
        <v>0.16326692379432178</v>
      </c>
      <c r="F185" s="96">
        <v>4.0783735470353702E-2</v>
      </c>
      <c r="G185" s="198">
        <v>0.23137988756482336</v>
      </c>
      <c r="H185" s="96">
        <v>4.6302844034374062E-2</v>
      </c>
      <c r="I185" s="198">
        <v>0.54006079709721699</v>
      </c>
      <c r="J185" s="96">
        <v>5.4464363693164541E-2</v>
      </c>
      <c r="K185" s="198">
        <v>6.5292391543638514E-2</v>
      </c>
      <c r="L185" s="96">
        <v>2.7969084576559795E-2</v>
      </c>
    </row>
    <row r="186" spans="1:32">
      <c r="A186" s="44" t="s">
        <v>559</v>
      </c>
      <c r="B186" s="52">
        <v>3601</v>
      </c>
      <c r="C186" s="83">
        <v>4.7673464000247883</v>
      </c>
      <c r="D186" s="84">
        <v>5.6115954011193042E-2</v>
      </c>
      <c r="E186" s="197">
        <v>0.19111809106535024</v>
      </c>
      <c r="F186" s="93">
        <v>1.3105930205880443E-2</v>
      </c>
      <c r="G186" s="197">
        <v>0.18846068316948647</v>
      </c>
      <c r="H186" s="93">
        <v>1.3036107631638484E-2</v>
      </c>
      <c r="I186" s="197">
        <v>0.58280653313228759</v>
      </c>
      <c r="J186" s="93">
        <v>1.642562478642617E-2</v>
      </c>
      <c r="K186" s="197">
        <v>3.7614692632885915E-2</v>
      </c>
      <c r="L186" s="93">
        <v>6.3790587390296161E-3</v>
      </c>
    </row>
    <row r="187" spans="1:32">
      <c r="A187" s="48" t="s">
        <v>560</v>
      </c>
      <c r="B187" s="48">
        <v>2961</v>
      </c>
      <c r="C187" s="179">
        <v>4.5131061752112336</v>
      </c>
      <c r="D187" s="131">
        <v>6.2234239537613693E-2</v>
      </c>
      <c r="E187" s="198">
        <v>0.24395953986350252</v>
      </c>
      <c r="F187" s="96">
        <v>1.5781819539599992E-2</v>
      </c>
      <c r="G187" s="198">
        <v>0.18500730088485631</v>
      </c>
      <c r="H187" s="96">
        <v>1.4274926659510008E-2</v>
      </c>
      <c r="I187" s="198">
        <v>0.53193655530678319</v>
      </c>
      <c r="J187" s="96">
        <v>1.8327461919685876E-2</v>
      </c>
      <c r="K187" s="198">
        <v>3.9096603944854154E-2</v>
      </c>
      <c r="L187" s="96">
        <v>7.1731977306828997E-3</v>
      </c>
    </row>
    <row r="188" spans="1:32">
      <c r="A188" s="44" t="s">
        <v>368</v>
      </c>
      <c r="B188" s="52">
        <v>158</v>
      </c>
      <c r="C188" s="83">
        <v>4.6239174176926428</v>
      </c>
      <c r="D188" s="84">
        <v>0.24995942400024138</v>
      </c>
      <c r="E188" s="197">
        <v>0.20550323508316942</v>
      </c>
      <c r="F188" s="93">
        <v>6.4310523991215271E-2</v>
      </c>
      <c r="G188" s="197">
        <v>0.19405333299812347</v>
      </c>
      <c r="H188" s="93">
        <v>6.3042599496558271E-2</v>
      </c>
      <c r="I188" s="197">
        <v>0.54042250678315751</v>
      </c>
      <c r="J188" s="93">
        <v>7.8322807029896219E-2</v>
      </c>
      <c r="K188" s="197">
        <v>6.0020925135549651E-2</v>
      </c>
      <c r="L188" s="93">
        <v>4.0325826858608901E-2</v>
      </c>
    </row>
    <row r="189" spans="1:32">
      <c r="A189" s="48" t="s">
        <v>150</v>
      </c>
      <c r="B189" s="48">
        <v>272</v>
      </c>
      <c r="C189" s="179">
        <v>4.745108912108873</v>
      </c>
      <c r="D189" s="131">
        <v>0.19196000307980451</v>
      </c>
      <c r="E189" s="198">
        <v>0.17643674971718362</v>
      </c>
      <c r="F189" s="96">
        <v>4.63633129200837E-2</v>
      </c>
      <c r="G189" s="198">
        <v>0.1924473803810714</v>
      </c>
      <c r="H189" s="96">
        <v>4.7872599305389188E-2</v>
      </c>
      <c r="I189" s="198">
        <v>0.59534600505256619</v>
      </c>
      <c r="J189" s="96">
        <v>5.9120453446550945E-2</v>
      </c>
      <c r="K189" s="198">
        <v>3.5769864849176061E-2</v>
      </c>
      <c r="L189" s="96">
        <v>2.428447694166844E-2</v>
      </c>
    </row>
    <row r="190" spans="1:32">
      <c r="A190" s="44" t="s">
        <v>352</v>
      </c>
      <c r="B190" s="52">
        <v>121</v>
      </c>
      <c r="C190" s="83">
        <v>4.5568087287235635</v>
      </c>
      <c r="D190" s="84">
        <v>0.30453178879556425</v>
      </c>
      <c r="E190" s="197">
        <v>0.23603144470928158</v>
      </c>
      <c r="F190" s="93">
        <v>7.6880943094664492E-2</v>
      </c>
      <c r="G190" s="197">
        <v>0.12258395487273827</v>
      </c>
      <c r="H190" s="93">
        <v>6.1064585122866381E-2</v>
      </c>
      <c r="I190" s="197">
        <v>0.56891705698581607</v>
      </c>
      <c r="J190" s="93">
        <v>8.8643022979824307E-2</v>
      </c>
      <c r="K190" s="197">
        <v>7.2467543432163273E-2</v>
      </c>
      <c r="L190" s="93">
        <v>5.0192271549928252E-2</v>
      </c>
    </row>
    <row r="191" spans="1:32">
      <c r="A191" s="48" t="s">
        <v>353</v>
      </c>
      <c r="B191" s="48">
        <v>116</v>
      </c>
      <c r="C191" s="179">
        <v>4.6681479423697416</v>
      </c>
      <c r="D191" s="131">
        <v>0.29735259522907992</v>
      </c>
      <c r="E191" s="198">
        <v>0.19012490871223825</v>
      </c>
      <c r="F191" s="96">
        <v>7.309177812081763E-2</v>
      </c>
      <c r="G191" s="198">
        <v>0.27433165771450102</v>
      </c>
      <c r="H191" s="96">
        <v>8.2140589777524142E-2</v>
      </c>
      <c r="I191" s="198">
        <v>0.5355434335732594</v>
      </c>
      <c r="J191" s="96">
        <v>9.1071305946043346E-2</v>
      </c>
      <c r="K191" s="198">
        <v>0</v>
      </c>
      <c r="L191" s="96">
        <v>2.3372982186625143E-2</v>
      </c>
    </row>
    <row r="192" spans="1:32">
      <c r="A192" s="44" t="s">
        <v>369</v>
      </c>
      <c r="B192" s="199">
        <v>426</v>
      </c>
      <c r="C192" s="83">
        <v>4.7943448964416975</v>
      </c>
      <c r="D192" s="84">
        <v>0.15993471474222576</v>
      </c>
      <c r="E192" s="197">
        <v>0.21224831967105509</v>
      </c>
      <c r="F192" s="93">
        <v>3.961821165623567E-2</v>
      </c>
      <c r="G192" s="197">
        <v>0.15054298783996012</v>
      </c>
      <c r="H192" s="93">
        <v>3.4793909247257393E-2</v>
      </c>
      <c r="I192" s="197">
        <v>0.61498368509728485</v>
      </c>
      <c r="J192" s="93">
        <v>4.6956049196721361E-2</v>
      </c>
      <c r="K192" s="197">
        <v>2.2225007391699966E-2</v>
      </c>
      <c r="L192" s="93">
        <v>1.5539347700620515E-2</v>
      </c>
    </row>
    <row r="193" spans="1:45">
      <c r="A193" s="48" t="s">
        <v>354</v>
      </c>
      <c r="B193" s="200">
        <v>70</v>
      </c>
      <c r="C193" s="179">
        <v>4.5921818085985784</v>
      </c>
      <c r="D193" s="131">
        <v>0.41391011817163287</v>
      </c>
      <c r="E193" s="198">
        <v>0.28925900082202521</v>
      </c>
      <c r="F193" s="96">
        <v>0.10660858934134305</v>
      </c>
      <c r="G193" s="198">
        <v>0.16116025240873569</v>
      </c>
      <c r="H193" s="96">
        <v>8.922013788449451E-2</v>
      </c>
      <c r="I193" s="198">
        <v>0.52158011538584548</v>
      </c>
      <c r="J193" s="96">
        <v>0.11615071383704084</v>
      </c>
      <c r="K193" s="198">
        <v>2.8000631383394307E-2</v>
      </c>
      <c r="L193" s="96">
        <v>5.2324533399749525E-2</v>
      </c>
    </row>
    <row r="194" spans="1:45">
      <c r="A194" s="44" t="s">
        <v>355</v>
      </c>
      <c r="B194" s="53">
        <v>76</v>
      </c>
      <c r="C194" s="83">
        <v>4.5497489765054899</v>
      </c>
      <c r="D194" s="84">
        <v>0.40561574205401252</v>
      </c>
      <c r="E194" s="197">
        <v>0.28890088984597068</v>
      </c>
      <c r="F194" s="93">
        <v>0.10241631755662516</v>
      </c>
      <c r="G194" s="197">
        <v>0.14119117176813067</v>
      </c>
      <c r="H194" s="93">
        <v>8.1795092415909279E-2</v>
      </c>
      <c r="I194" s="197">
        <v>0.53230808791059003</v>
      </c>
      <c r="J194" s="93">
        <v>0.11159255333100063</v>
      </c>
      <c r="K194" s="197">
        <v>3.7599850475308581E-2</v>
      </c>
      <c r="L194" s="93">
        <v>5.3400822466459996E-2</v>
      </c>
    </row>
    <row r="195" spans="1:45">
      <c r="A195" s="48" t="s">
        <v>356</v>
      </c>
      <c r="B195" s="200">
        <v>67</v>
      </c>
      <c r="C195" s="179">
        <v>4.6945358903054526</v>
      </c>
      <c r="D195" s="131">
        <v>0.40473184928108297</v>
      </c>
      <c r="E195" s="198">
        <v>0.21906668658721642</v>
      </c>
      <c r="F195" s="96">
        <v>0.10062306289760081</v>
      </c>
      <c r="G195" s="198">
        <v>0.19485630448946664</v>
      </c>
      <c r="H195" s="96">
        <v>9.7021373262833832E-2</v>
      </c>
      <c r="I195" s="198">
        <v>0.5569709528134299</v>
      </c>
      <c r="J195" s="96">
        <v>0.11799014527777515</v>
      </c>
      <c r="K195" s="198">
        <v>2.9106056109886921E-2</v>
      </c>
      <c r="L195" s="96">
        <v>5.4405885465897759E-2</v>
      </c>
    </row>
    <row r="196" spans="1:45">
      <c r="A196" s="56" t="s">
        <v>357</v>
      </c>
      <c r="B196" s="199">
        <v>54</v>
      </c>
      <c r="C196" s="83">
        <v>5.514387161902973</v>
      </c>
      <c r="D196" s="84">
        <v>0.34476959690594861</v>
      </c>
      <c r="E196" s="197">
        <v>7.4260874828081039E-2</v>
      </c>
      <c r="F196" s="93">
        <v>8.0036472184571536E-2</v>
      </c>
      <c r="G196" s="197">
        <v>9.9348744390072311E-2</v>
      </c>
      <c r="H196" s="93">
        <v>8.7437062777077815E-2</v>
      </c>
      <c r="I196" s="197">
        <v>0.79274911610444321</v>
      </c>
      <c r="J196" s="93">
        <v>0.11008188395130901</v>
      </c>
      <c r="K196" s="197">
        <v>3.3641264677403207E-2</v>
      </c>
      <c r="L196" s="93">
        <v>6.5111987389090437E-2</v>
      </c>
    </row>
    <row r="197" spans="1:45">
      <c r="A197" s="48" t="s">
        <v>358</v>
      </c>
      <c r="B197" s="200">
        <v>98</v>
      </c>
      <c r="C197" s="179">
        <v>3.5290338429396124</v>
      </c>
      <c r="D197" s="131">
        <v>0.34696684076793616</v>
      </c>
      <c r="E197" s="198">
        <v>0.43205895952235651</v>
      </c>
      <c r="F197" s="96">
        <v>9.8167315009311085E-2</v>
      </c>
      <c r="G197" s="198">
        <v>0.18567235968359369</v>
      </c>
      <c r="H197" s="96">
        <v>7.8913046219366595E-2</v>
      </c>
      <c r="I197" s="198">
        <v>0.35990384855913499</v>
      </c>
      <c r="J197" s="96">
        <v>9.535943394300507E-2</v>
      </c>
      <c r="K197" s="198">
        <v>2.2364832234914537E-2</v>
      </c>
      <c r="L197" s="96">
        <v>3.9311113474990896E-2</v>
      </c>
    </row>
    <row r="198" spans="1:45">
      <c r="A198" s="56" t="s">
        <v>359</v>
      </c>
      <c r="B198" s="199">
        <v>115</v>
      </c>
      <c r="C198" s="83">
        <v>4.8943821622369015</v>
      </c>
      <c r="D198" s="84">
        <v>0.2819298752142721</v>
      </c>
      <c r="E198" s="197">
        <v>0.1709375188126237</v>
      </c>
      <c r="F198" s="93">
        <v>7.0740384495949285E-2</v>
      </c>
      <c r="G198" s="197">
        <v>0.13202027068803041</v>
      </c>
      <c r="H198" s="93">
        <v>6.4440985057551775E-2</v>
      </c>
      <c r="I198" s="197">
        <v>0.69030018856818964</v>
      </c>
      <c r="J198" s="93">
        <v>8.5243987276230171E-2</v>
      </c>
      <c r="K198" s="197">
        <v>6.7420219311557497E-3</v>
      </c>
      <c r="L198" s="93">
        <v>2.7670450007806494E-2</v>
      </c>
    </row>
    <row r="199" spans="1:45">
      <c r="A199" s="48" t="s">
        <v>371</v>
      </c>
      <c r="B199" s="200">
        <v>180</v>
      </c>
      <c r="C199" s="179">
        <v>4.5954599745874409</v>
      </c>
      <c r="D199" s="131">
        <v>0.22588449235252595</v>
      </c>
      <c r="E199" s="198">
        <v>0.23638992606303566</v>
      </c>
      <c r="F199" s="96">
        <v>6.3159254315225719E-2</v>
      </c>
      <c r="G199" s="198">
        <v>0.18713095548998721</v>
      </c>
      <c r="H199" s="96">
        <v>5.8295099874226645E-2</v>
      </c>
      <c r="I199" s="198">
        <v>0.52643946047421053</v>
      </c>
      <c r="J199" s="96">
        <v>7.3622275963807701E-2</v>
      </c>
      <c r="K199" s="198">
        <v>5.0039657972767271E-2</v>
      </c>
      <c r="L199" s="96">
        <v>3.4966693499612456E-2</v>
      </c>
    </row>
    <row r="200" spans="1:45">
      <c r="A200" s="56" t="s">
        <v>360</v>
      </c>
      <c r="B200" s="199">
        <v>103</v>
      </c>
      <c r="C200" s="83">
        <v>4.4373848831334382</v>
      </c>
      <c r="D200" s="84">
        <v>0.29726584560107527</v>
      </c>
      <c r="E200" s="197">
        <v>0.29933713972630605</v>
      </c>
      <c r="F200" s="93">
        <v>8.9168255570572771E-2</v>
      </c>
      <c r="G200" s="197">
        <v>0.15966459055561813</v>
      </c>
      <c r="H200" s="93">
        <v>7.3030525076547018E-2</v>
      </c>
      <c r="I200" s="197">
        <v>0.50162793682056395</v>
      </c>
      <c r="J200" s="93">
        <v>9.66731740931423E-2</v>
      </c>
      <c r="K200" s="197">
        <v>3.9370332897511712E-2</v>
      </c>
      <c r="L200" s="93">
        <v>4.4674394314943085E-2</v>
      </c>
    </row>
    <row r="201" spans="1:45">
      <c r="A201" s="48" t="s">
        <v>370</v>
      </c>
      <c r="B201" s="200">
        <v>293</v>
      </c>
      <c r="C201" s="179">
        <v>3.9481550358460487</v>
      </c>
      <c r="D201" s="131">
        <v>0.20761299224566501</v>
      </c>
      <c r="E201" s="198">
        <v>0.36398563515292809</v>
      </c>
      <c r="F201" s="96">
        <v>5.5897338668104653E-2</v>
      </c>
      <c r="G201" s="198">
        <v>0.18857816266336813</v>
      </c>
      <c r="H201" s="96">
        <v>4.5779621337863528E-2</v>
      </c>
      <c r="I201" s="198">
        <v>0.42331361836069253</v>
      </c>
      <c r="J201" s="96">
        <v>5.7357821594981227E-2</v>
      </c>
      <c r="K201" s="198">
        <v>2.4122583823010708E-2</v>
      </c>
      <c r="L201" s="96">
        <v>1.996614040357679E-2</v>
      </c>
    </row>
    <row r="202" spans="1:45">
      <c r="A202" s="56" t="s">
        <v>361</v>
      </c>
      <c r="B202" s="199">
        <v>127</v>
      </c>
      <c r="C202" s="83">
        <v>4.0705795619280982</v>
      </c>
      <c r="D202" s="84">
        <v>0.32665526658787786</v>
      </c>
      <c r="E202" s="197">
        <v>0.34946838958119719</v>
      </c>
      <c r="F202" s="93">
        <v>8.3566111323523012E-2</v>
      </c>
      <c r="G202" s="197">
        <v>0.14611314278573004</v>
      </c>
      <c r="H202" s="93">
        <v>6.3557468947386259E-2</v>
      </c>
      <c r="I202" s="197">
        <v>0.47054311258590198</v>
      </c>
      <c r="J202" s="93">
        <v>8.7227783338051368E-2</v>
      </c>
      <c r="K202" s="197">
        <v>3.3875355047170264E-2</v>
      </c>
      <c r="L202" s="93">
        <v>3.7393624285817315E-2</v>
      </c>
    </row>
    <row r="203" spans="1:45">
      <c r="A203" s="48" t="s">
        <v>375</v>
      </c>
      <c r="B203" s="200">
        <v>112</v>
      </c>
      <c r="C203" s="179">
        <v>4.0304971794490703</v>
      </c>
      <c r="D203" s="131">
        <v>0.30790657465470961</v>
      </c>
      <c r="E203" s="198">
        <v>0.34640926500076674</v>
      </c>
      <c r="F203" s="96">
        <v>8.8670008235065906E-2</v>
      </c>
      <c r="G203" s="198">
        <v>0.2396252606192332</v>
      </c>
      <c r="H203" s="96">
        <v>8.0258182588565555E-2</v>
      </c>
      <c r="I203" s="198">
        <v>0.40194422338479879</v>
      </c>
      <c r="J203" s="96">
        <v>9.1168039416295754E-2</v>
      </c>
      <c r="K203" s="198">
        <v>1.2021250995200999E-2</v>
      </c>
      <c r="L203" s="96">
        <v>3.1081589672853748E-2</v>
      </c>
    </row>
    <row r="204" spans="1:45">
      <c r="A204" s="56" t="s">
        <v>358</v>
      </c>
      <c r="B204" s="199">
        <v>98</v>
      </c>
      <c r="C204" s="83">
        <v>3.5290338429396124</v>
      </c>
      <c r="D204" s="84">
        <v>0.34696684076793616</v>
      </c>
      <c r="E204" s="197">
        <v>0.43205895952235651</v>
      </c>
      <c r="F204" s="93">
        <v>9.8167315009311085E-2</v>
      </c>
      <c r="G204" s="197">
        <v>0.18567235968359369</v>
      </c>
      <c r="H204" s="93">
        <v>7.8913046219366595E-2</v>
      </c>
      <c r="I204" s="197">
        <v>0.35990384855913499</v>
      </c>
      <c r="J204" s="93">
        <v>9.535943394300507E-2</v>
      </c>
      <c r="K204" s="197">
        <v>2.2364832234914537E-2</v>
      </c>
      <c r="L204" s="93">
        <v>3.9311113474990896E-2</v>
      </c>
    </row>
    <row r="205" spans="1:45">
      <c r="P205" s="249"/>
      <c r="Q205" s="249"/>
      <c r="R205" s="249"/>
      <c r="S205" s="249"/>
      <c r="T205" s="249"/>
      <c r="U205" s="249"/>
      <c r="V205" s="249"/>
      <c r="W205" s="249"/>
      <c r="X205" s="249"/>
      <c r="Y205" s="249"/>
      <c r="Z205" s="249"/>
      <c r="AA205" s="249"/>
      <c r="AB205" s="249"/>
      <c r="AC205" s="249"/>
      <c r="AD205" s="249"/>
      <c r="AE205" s="249"/>
      <c r="AF205" s="249"/>
      <c r="AG205" s="249"/>
      <c r="AH205" s="249"/>
      <c r="AI205" s="249"/>
      <c r="AJ205" s="249"/>
      <c r="AK205" s="249"/>
      <c r="AL205" s="249"/>
      <c r="AM205" s="249"/>
      <c r="AN205" s="249"/>
      <c r="AO205" s="249"/>
      <c r="AP205" s="249"/>
      <c r="AQ205" s="249"/>
      <c r="AR205" s="249"/>
      <c r="AS205" s="249"/>
    </row>
    <row r="206" spans="1:45" ht="18.75">
      <c r="A206" s="416" t="s">
        <v>441</v>
      </c>
      <c r="B206" s="416"/>
      <c r="C206" s="416"/>
      <c r="D206" s="416"/>
      <c r="P206" s="249"/>
      <c r="Q206" s="249"/>
      <c r="R206" s="249"/>
      <c r="S206" s="249"/>
      <c r="T206" s="249"/>
      <c r="U206" s="249"/>
      <c r="V206" s="249"/>
      <c r="W206" s="249"/>
      <c r="X206" s="249"/>
      <c r="Y206" s="249"/>
      <c r="Z206" s="249"/>
      <c r="AA206" s="249"/>
      <c r="AB206" s="249"/>
      <c r="AC206" s="249"/>
      <c r="AD206" s="249"/>
      <c r="AE206" s="249"/>
      <c r="AF206" s="249"/>
      <c r="AG206" s="249"/>
      <c r="AH206" s="249"/>
      <c r="AI206" s="249"/>
      <c r="AJ206" s="249"/>
      <c r="AK206" s="249"/>
      <c r="AL206" s="249"/>
      <c r="AM206" s="249"/>
      <c r="AN206" s="249"/>
      <c r="AO206" s="249"/>
      <c r="AP206" s="249"/>
      <c r="AQ206" s="249"/>
      <c r="AR206" s="249"/>
      <c r="AS206" s="249"/>
    </row>
    <row r="207" spans="1:45" ht="90.75" customHeight="1">
      <c r="A207" s="418" t="s">
        <v>442</v>
      </c>
      <c r="B207" s="418"/>
      <c r="C207" s="418"/>
      <c r="D207" s="418"/>
      <c r="P207" s="249"/>
      <c r="Q207" s="249"/>
      <c r="R207" s="249"/>
      <c r="S207" s="249"/>
      <c r="T207" s="249"/>
      <c r="U207" s="249"/>
      <c r="V207" s="249"/>
      <c r="W207" s="249"/>
      <c r="X207" s="249"/>
      <c r="Y207" s="249"/>
      <c r="Z207" s="249"/>
      <c r="AA207" s="249"/>
      <c r="AB207" s="249"/>
      <c r="AC207" s="249"/>
      <c r="AD207" s="249"/>
      <c r="AE207" s="249"/>
      <c r="AF207" s="249"/>
      <c r="AG207" s="249"/>
      <c r="AH207" s="249"/>
      <c r="AI207" s="249"/>
      <c r="AJ207" s="249"/>
      <c r="AK207" s="249"/>
      <c r="AL207" s="249"/>
      <c r="AM207" s="249"/>
      <c r="AN207" s="249"/>
      <c r="AO207" s="249"/>
      <c r="AP207" s="249"/>
      <c r="AQ207" s="249"/>
      <c r="AR207" s="249"/>
      <c r="AS207" s="249"/>
    </row>
    <row r="208" spans="1:45" ht="51.75" customHeight="1">
      <c r="A208" s="392" t="s">
        <v>443</v>
      </c>
      <c r="B208" s="392"/>
      <c r="C208" s="392"/>
      <c r="D208" s="392"/>
      <c r="P208" s="249"/>
      <c r="Q208" s="249"/>
      <c r="R208" s="249"/>
      <c r="S208" s="249"/>
      <c r="T208" s="249"/>
      <c r="U208" s="249"/>
      <c r="V208" s="249"/>
      <c r="W208" s="249"/>
      <c r="X208" s="249"/>
      <c r="Y208" s="249"/>
      <c r="Z208" s="249"/>
      <c r="AA208" s="249"/>
      <c r="AB208" s="249"/>
      <c r="AC208" s="249"/>
      <c r="AD208" s="249"/>
      <c r="AE208" s="249"/>
      <c r="AF208" s="249"/>
      <c r="AG208" s="249"/>
      <c r="AH208" s="249"/>
      <c r="AI208" s="249"/>
      <c r="AJ208" s="249"/>
      <c r="AK208" s="249"/>
      <c r="AL208" s="249"/>
      <c r="AM208" s="249"/>
      <c r="AN208" s="249"/>
      <c r="AO208" s="249"/>
      <c r="AP208" s="249"/>
      <c r="AQ208" s="249"/>
      <c r="AR208" s="249"/>
      <c r="AS208" s="249"/>
    </row>
    <row r="209" spans="1:45" ht="72">
      <c r="A209" s="36" t="s">
        <v>70</v>
      </c>
      <c r="B209" s="37" t="s">
        <v>71</v>
      </c>
      <c r="C209" s="38" t="s">
        <v>594</v>
      </c>
      <c r="D209" s="39" t="s">
        <v>72</v>
      </c>
      <c r="P209" s="249"/>
      <c r="Q209" s="249"/>
      <c r="R209" s="249"/>
      <c r="S209" s="249"/>
      <c r="T209" s="249"/>
      <c r="U209" s="249"/>
      <c r="V209" s="249"/>
      <c r="W209" s="249"/>
      <c r="X209" s="249"/>
      <c r="Y209" s="249"/>
      <c r="Z209" s="249"/>
      <c r="AA209" s="249"/>
      <c r="AB209" s="249"/>
      <c r="AC209" s="249"/>
      <c r="AD209" s="249"/>
      <c r="AE209" s="249"/>
      <c r="AF209" s="249"/>
      <c r="AG209" s="249"/>
      <c r="AH209" s="249"/>
      <c r="AI209" s="249"/>
      <c r="AJ209" s="249"/>
      <c r="AK209" s="249"/>
      <c r="AL209" s="249"/>
      <c r="AM209" s="249"/>
      <c r="AN209" s="249"/>
      <c r="AO209" s="249"/>
      <c r="AP209" s="249"/>
      <c r="AQ209" s="249"/>
      <c r="AR209" s="249"/>
      <c r="AS209" s="249"/>
    </row>
    <row r="210" spans="1:45" ht="72">
      <c r="A210" s="40"/>
      <c r="B210" s="41" t="s">
        <v>73</v>
      </c>
      <c r="C210" s="127" t="s">
        <v>304</v>
      </c>
      <c r="D210" s="43" t="s">
        <v>75</v>
      </c>
      <c r="P210" s="249"/>
      <c r="Q210" s="249"/>
      <c r="R210" s="249"/>
      <c r="S210" s="249"/>
      <c r="T210" s="249"/>
      <c r="U210" s="249"/>
      <c r="V210" s="249"/>
      <c r="W210" s="249"/>
      <c r="X210" s="249"/>
      <c r="Y210" s="249"/>
      <c r="Z210" s="249"/>
      <c r="AA210" s="249"/>
      <c r="AB210" s="249"/>
      <c r="AC210" s="249"/>
      <c r="AD210" s="249"/>
      <c r="AE210" s="249"/>
      <c r="AF210" s="249"/>
      <c r="AG210" s="249"/>
      <c r="AH210" s="249"/>
      <c r="AI210" s="249"/>
      <c r="AJ210" s="249"/>
      <c r="AK210" s="249"/>
      <c r="AL210" s="249"/>
      <c r="AM210" s="249"/>
      <c r="AN210" s="249"/>
      <c r="AO210" s="249"/>
      <c r="AP210" s="249"/>
      <c r="AQ210" s="249"/>
      <c r="AR210" s="249"/>
      <c r="AS210" s="249"/>
    </row>
    <row r="211" spans="1:45">
      <c r="A211" s="44" t="s">
        <v>349</v>
      </c>
      <c r="B211" s="199">
        <v>12593</v>
      </c>
      <c r="C211" s="83">
        <v>5.1060011985267124</v>
      </c>
      <c r="D211" s="84">
        <v>2.7925078840023133E-2</v>
      </c>
      <c r="P211" s="249"/>
      <c r="Q211" s="249"/>
      <c r="R211" s="249"/>
      <c r="S211" s="249"/>
      <c r="T211" s="249"/>
      <c r="U211" s="249"/>
      <c r="V211" s="249"/>
      <c r="W211" s="249"/>
      <c r="X211" s="249"/>
      <c r="Y211" s="249"/>
      <c r="Z211" s="249"/>
      <c r="AA211" s="249"/>
      <c r="AB211" s="249"/>
      <c r="AC211" s="249"/>
      <c r="AD211" s="249"/>
      <c r="AE211" s="249"/>
      <c r="AF211" s="249"/>
      <c r="AG211" s="249"/>
      <c r="AH211" s="249"/>
      <c r="AI211" s="249"/>
      <c r="AJ211" s="249"/>
      <c r="AK211" s="249"/>
      <c r="AL211" s="249"/>
      <c r="AM211" s="249"/>
      <c r="AN211" s="249"/>
      <c r="AO211" s="249"/>
      <c r="AP211" s="249"/>
      <c r="AQ211" s="249"/>
      <c r="AR211" s="249"/>
      <c r="AS211" s="249"/>
    </row>
    <row r="212" spans="1:45">
      <c r="A212" s="48" t="s">
        <v>350</v>
      </c>
      <c r="B212" s="48">
        <v>9432</v>
      </c>
      <c r="C212" s="179">
        <v>4.9040010505054754</v>
      </c>
      <c r="D212" s="131">
        <v>3.3560466122883263E-2</v>
      </c>
      <c r="P212" s="249"/>
      <c r="Q212" s="249"/>
      <c r="R212" s="249"/>
      <c r="S212" s="249"/>
      <c r="T212" s="249"/>
      <c r="U212" s="249"/>
      <c r="V212" s="249"/>
      <c r="W212" s="249"/>
      <c r="X212" s="249"/>
      <c r="Y212" s="249"/>
      <c r="Z212" s="249"/>
      <c r="AA212" s="249"/>
      <c r="AB212" s="249"/>
      <c r="AC212" s="249"/>
      <c r="AD212" s="249"/>
      <c r="AE212" s="249"/>
      <c r="AF212" s="249"/>
      <c r="AG212" s="249"/>
      <c r="AH212" s="249"/>
      <c r="AI212" s="249"/>
      <c r="AJ212" s="249"/>
      <c r="AK212" s="249"/>
      <c r="AL212" s="249"/>
      <c r="AM212" s="249"/>
      <c r="AN212" s="249"/>
      <c r="AO212" s="249"/>
      <c r="AP212" s="249"/>
      <c r="AQ212" s="249"/>
      <c r="AR212" s="249"/>
      <c r="AS212" s="249"/>
    </row>
    <row r="213" spans="1:45">
      <c r="A213" s="44" t="s">
        <v>351</v>
      </c>
      <c r="B213" s="52">
        <v>3161</v>
      </c>
      <c r="C213" s="83">
        <v>5.2769408652534873</v>
      </c>
      <c r="D213" s="84">
        <v>4.6376554682555408E-2</v>
      </c>
      <c r="P213" s="249"/>
      <c r="Q213" s="249"/>
      <c r="R213" s="249"/>
      <c r="S213" s="249"/>
      <c r="T213" s="249"/>
      <c r="U213" s="249"/>
      <c r="V213" s="249"/>
      <c r="W213" s="249"/>
      <c r="X213" s="249"/>
      <c r="Y213" s="249"/>
      <c r="Z213" s="249"/>
      <c r="AA213" s="249"/>
      <c r="AB213" s="249"/>
      <c r="AC213" s="249"/>
      <c r="AD213" s="249"/>
      <c r="AE213" s="249"/>
      <c r="AF213" s="249"/>
      <c r="AG213" s="249"/>
      <c r="AH213" s="249"/>
      <c r="AI213" s="249"/>
      <c r="AJ213" s="249"/>
      <c r="AK213" s="249"/>
      <c r="AL213" s="249"/>
      <c r="AM213" s="249"/>
      <c r="AN213" s="249"/>
      <c r="AO213" s="249"/>
      <c r="AP213" s="249"/>
      <c r="AQ213" s="249"/>
      <c r="AR213" s="249"/>
      <c r="AS213" s="249"/>
    </row>
    <row r="214" spans="1:45">
      <c r="A214" s="48" t="s">
        <v>558</v>
      </c>
      <c r="B214" s="48">
        <v>271</v>
      </c>
      <c r="C214" s="179">
        <v>5.1738194227926471</v>
      </c>
      <c r="D214" s="131">
        <v>0.1626559043664717</v>
      </c>
      <c r="P214" s="249"/>
      <c r="Q214" s="249"/>
      <c r="R214" s="249"/>
      <c r="S214" s="249"/>
      <c r="T214" s="249"/>
      <c r="U214" s="249"/>
      <c r="V214" s="249"/>
      <c r="W214" s="249"/>
      <c r="X214" s="249"/>
      <c r="Y214" s="249"/>
      <c r="Z214" s="249"/>
      <c r="AA214" s="249"/>
      <c r="AB214" s="249"/>
      <c r="AC214" s="249"/>
      <c r="AD214" s="249"/>
      <c r="AE214" s="249"/>
      <c r="AF214" s="249"/>
      <c r="AG214" s="249"/>
      <c r="AH214" s="249"/>
      <c r="AI214" s="249"/>
      <c r="AJ214" s="249"/>
      <c r="AK214" s="249"/>
      <c r="AL214" s="249"/>
      <c r="AM214" s="249"/>
      <c r="AN214" s="249"/>
      <c r="AO214" s="249"/>
      <c r="AP214" s="249"/>
      <c r="AQ214" s="249"/>
      <c r="AR214" s="249"/>
      <c r="AS214" s="249"/>
    </row>
    <row r="215" spans="1:45">
      <c r="A215" s="44" t="s">
        <v>559</v>
      </c>
      <c r="B215" s="52">
        <v>3366</v>
      </c>
      <c r="C215" s="83">
        <v>5.132739467181068</v>
      </c>
      <c r="D215" s="84">
        <v>5.4388990026760058E-2</v>
      </c>
      <c r="P215" s="249"/>
      <c r="Q215" s="249"/>
      <c r="R215" s="249"/>
      <c r="S215" s="249"/>
      <c r="T215" s="249"/>
      <c r="U215" s="249"/>
      <c r="V215" s="249"/>
      <c r="W215" s="249"/>
      <c r="X215" s="249"/>
      <c r="Y215" s="249"/>
      <c r="Z215" s="249"/>
      <c r="AA215" s="249"/>
      <c r="AB215" s="249"/>
      <c r="AC215" s="249"/>
      <c r="AD215" s="249"/>
      <c r="AE215" s="249"/>
      <c r="AF215" s="249"/>
      <c r="AG215" s="249"/>
      <c r="AH215" s="249"/>
      <c r="AI215" s="249"/>
      <c r="AJ215" s="249"/>
      <c r="AK215" s="249"/>
      <c r="AL215" s="249"/>
      <c r="AM215" s="249"/>
      <c r="AN215" s="249"/>
      <c r="AO215" s="249"/>
      <c r="AP215" s="249"/>
      <c r="AQ215" s="249"/>
      <c r="AR215" s="249"/>
      <c r="AS215" s="249"/>
    </row>
    <row r="216" spans="1:45">
      <c r="A216" s="48" t="s">
        <v>560</v>
      </c>
      <c r="B216" s="48">
        <v>2792</v>
      </c>
      <c r="C216" s="179">
        <v>4.9848135510067495</v>
      </c>
      <c r="D216" s="131">
        <v>6.0788665265834096E-2</v>
      </c>
      <c r="P216" s="249"/>
      <c r="Q216" s="249"/>
      <c r="R216" s="249"/>
      <c r="S216" s="249"/>
      <c r="T216" s="249"/>
      <c r="U216" s="249"/>
      <c r="V216" s="249"/>
      <c r="W216" s="249"/>
      <c r="X216" s="249"/>
      <c r="Y216" s="249"/>
      <c r="Z216" s="249"/>
      <c r="AA216" s="249"/>
      <c r="AB216" s="249"/>
      <c r="AC216" s="249"/>
      <c r="AD216" s="249"/>
      <c r="AE216" s="249"/>
      <c r="AF216" s="249"/>
      <c r="AG216" s="249"/>
      <c r="AH216" s="249"/>
      <c r="AI216" s="249"/>
      <c r="AJ216" s="249"/>
      <c r="AK216" s="249"/>
      <c r="AL216" s="249"/>
      <c r="AM216" s="249"/>
      <c r="AN216" s="249"/>
      <c r="AO216" s="249"/>
      <c r="AP216" s="249"/>
      <c r="AQ216" s="249"/>
      <c r="AR216" s="249"/>
      <c r="AS216" s="249"/>
    </row>
    <row r="217" spans="1:45">
      <c r="A217" s="44" t="s">
        <v>368</v>
      </c>
      <c r="B217" s="52">
        <v>149</v>
      </c>
      <c r="C217" s="83">
        <v>5.2627026299831323</v>
      </c>
      <c r="D217" s="84">
        <v>0.21639150401561416</v>
      </c>
      <c r="P217" s="249"/>
      <c r="Q217" s="249"/>
      <c r="R217" s="249"/>
      <c r="S217" s="249"/>
      <c r="T217" s="249"/>
      <c r="U217" s="249"/>
      <c r="V217" s="249"/>
      <c r="W217" s="249"/>
      <c r="X217" s="249"/>
      <c r="Y217" s="249"/>
      <c r="Z217" s="249"/>
      <c r="AA217" s="249"/>
      <c r="AB217" s="249"/>
      <c r="AC217" s="249"/>
      <c r="AD217" s="249"/>
      <c r="AE217" s="249"/>
      <c r="AF217" s="249"/>
      <c r="AG217" s="249"/>
      <c r="AH217" s="249"/>
      <c r="AI217" s="249"/>
      <c r="AJ217" s="249"/>
      <c r="AK217" s="249"/>
      <c r="AL217" s="249"/>
      <c r="AM217" s="249"/>
      <c r="AN217" s="249"/>
      <c r="AO217" s="249"/>
      <c r="AP217" s="249"/>
      <c r="AQ217" s="249"/>
      <c r="AR217" s="249"/>
      <c r="AS217" s="249"/>
    </row>
    <row r="218" spans="1:45">
      <c r="A218" s="48" t="s">
        <v>150</v>
      </c>
      <c r="B218" s="48">
        <v>258</v>
      </c>
      <c r="C218" s="179">
        <v>4.968244873579442</v>
      </c>
      <c r="D218" s="131">
        <v>0.20072841748127496</v>
      </c>
      <c r="P218" s="249"/>
      <c r="Q218" s="249"/>
      <c r="R218" s="249"/>
      <c r="S218" s="249"/>
      <c r="T218" s="249"/>
      <c r="U218" s="249"/>
      <c r="V218" s="249"/>
      <c r="W218" s="249"/>
      <c r="X218" s="249"/>
      <c r="Y218" s="249"/>
      <c r="Z218" s="249"/>
      <c r="AA218" s="249"/>
      <c r="AB218" s="249"/>
      <c r="AC218" s="249"/>
      <c r="AD218" s="249"/>
      <c r="AE218" s="249"/>
      <c r="AF218" s="249"/>
      <c r="AG218" s="249"/>
      <c r="AH218" s="249"/>
      <c r="AI218" s="249"/>
      <c r="AJ218" s="249"/>
      <c r="AK218" s="249"/>
      <c r="AL218" s="249"/>
      <c r="AM218" s="249"/>
      <c r="AN218" s="249"/>
      <c r="AO218" s="249"/>
      <c r="AP218" s="249"/>
      <c r="AQ218" s="249"/>
      <c r="AR218" s="249"/>
      <c r="AS218" s="249"/>
    </row>
    <row r="219" spans="1:45">
      <c r="A219" s="44" t="s">
        <v>352</v>
      </c>
      <c r="B219" s="52">
        <v>113</v>
      </c>
      <c r="C219" s="83">
        <v>4.8078343536548624</v>
      </c>
      <c r="D219" s="84">
        <v>0.30094019534571986</v>
      </c>
      <c r="P219" s="249"/>
      <c r="Q219" s="249"/>
      <c r="R219" s="249"/>
      <c r="S219" s="249"/>
      <c r="T219" s="249"/>
      <c r="U219" s="249"/>
      <c r="V219" s="249"/>
      <c r="W219" s="249"/>
      <c r="X219" s="249"/>
      <c r="Y219" s="249"/>
      <c r="Z219" s="249"/>
      <c r="AA219" s="249"/>
      <c r="AB219" s="249"/>
      <c r="AC219" s="249"/>
      <c r="AD219" s="249"/>
      <c r="AE219" s="249"/>
      <c r="AF219" s="249"/>
      <c r="AG219" s="249"/>
      <c r="AH219" s="249"/>
      <c r="AI219" s="249"/>
      <c r="AJ219" s="249"/>
      <c r="AK219" s="249"/>
      <c r="AL219" s="249"/>
      <c r="AM219" s="249"/>
      <c r="AN219" s="249"/>
      <c r="AO219" s="249"/>
      <c r="AP219" s="249"/>
      <c r="AQ219" s="249"/>
      <c r="AR219" s="249"/>
      <c r="AS219" s="249"/>
    </row>
    <row r="220" spans="1:45">
      <c r="A220" s="48" t="s">
        <v>353</v>
      </c>
      <c r="B220" s="48">
        <v>113</v>
      </c>
      <c r="C220" s="179">
        <v>4.6011200523267863</v>
      </c>
      <c r="D220" s="131">
        <v>0.31082410121607562</v>
      </c>
      <c r="P220" s="249"/>
      <c r="Q220" s="249"/>
      <c r="R220" s="249"/>
      <c r="S220" s="249"/>
      <c r="T220" s="249"/>
      <c r="U220" s="249"/>
      <c r="V220" s="249"/>
      <c r="W220" s="249"/>
      <c r="X220" s="249"/>
      <c r="Y220" s="249"/>
      <c r="Z220" s="249"/>
      <c r="AA220" s="249"/>
      <c r="AB220" s="249"/>
      <c r="AC220" s="249"/>
      <c r="AD220" s="249"/>
      <c r="AE220" s="249"/>
      <c r="AF220" s="249"/>
      <c r="AG220" s="249"/>
      <c r="AH220" s="249"/>
      <c r="AI220" s="249"/>
      <c r="AJ220" s="249"/>
      <c r="AK220" s="249"/>
      <c r="AL220" s="249"/>
      <c r="AM220" s="249"/>
      <c r="AN220" s="249"/>
      <c r="AO220" s="249"/>
      <c r="AP220" s="249"/>
      <c r="AQ220" s="249"/>
      <c r="AR220" s="249"/>
      <c r="AS220" s="249"/>
    </row>
    <row r="221" spans="1:45">
      <c r="A221" s="44" t="s">
        <v>369</v>
      </c>
      <c r="B221" s="199">
        <v>411</v>
      </c>
      <c r="C221" s="83">
        <v>5.1591856445994662</v>
      </c>
      <c r="D221" s="84">
        <v>0.15210061227040711</v>
      </c>
      <c r="P221" s="249"/>
      <c r="Q221" s="249"/>
      <c r="R221" s="249"/>
      <c r="S221" s="249"/>
      <c r="T221" s="249"/>
      <c r="U221" s="249"/>
      <c r="V221" s="249"/>
      <c r="W221" s="249"/>
      <c r="X221" s="249"/>
      <c r="Y221" s="249"/>
      <c r="Z221" s="249"/>
      <c r="AA221" s="249"/>
      <c r="AB221" s="249"/>
      <c r="AC221" s="249"/>
      <c r="AD221" s="249"/>
      <c r="AE221" s="249"/>
      <c r="AF221" s="249"/>
      <c r="AG221" s="249"/>
      <c r="AH221" s="249"/>
      <c r="AI221" s="249"/>
      <c r="AJ221" s="249"/>
      <c r="AK221" s="249"/>
      <c r="AL221" s="249"/>
      <c r="AM221" s="249"/>
      <c r="AN221" s="249"/>
      <c r="AO221" s="249"/>
      <c r="AP221" s="249"/>
      <c r="AQ221" s="249"/>
      <c r="AR221" s="249"/>
      <c r="AS221" s="249"/>
    </row>
    <row r="222" spans="1:45">
      <c r="A222" s="48" t="s">
        <v>354</v>
      </c>
      <c r="B222" s="200">
        <v>70</v>
      </c>
      <c r="C222" s="179">
        <v>3.9723449586215978</v>
      </c>
      <c r="D222" s="131">
        <v>0.44246214936781691</v>
      </c>
      <c r="P222" s="249"/>
      <c r="Q222" s="249"/>
      <c r="R222" s="249"/>
      <c r="S222" s="249"/>
      <c r="T222" s="249"/>
      <c r="U222" s="249"/>
      <c r="V222" s="249"/>
      <c r="W222" s="249"/>
      <c r="X222" s="249"/>
      <c r="Y222" s="249"/>
      <c r="Z222" s="249"/>
      <c r="AA222" s="249"/>
      <c r="AB222" s="249"/>
      <c r="AC222" s="249"/>
      <c r="AD222" s="249"/>
      <c r="AE222" s="249"/>
      <c r="AF222" s="249"/>
      <c r="AG222" s="249"/>
      <c r="AH222" s="249"/>
      <c r="AI222" s="249"/>
      <c r="AJ222" s="249"/>
      <c r="AK222" s="249"/>
      <c r="AL222" s="249"/>
      <c r="AM222" s="249"/>
      <c r="AN222" s="249"/>
      <c r="AO222" s="249"/>
      <c r="AP222" s="249"/>
      <c r="AQ222" s="249"/>
      <c r="AR222" s="249"/>
      <c r="AS222" s="249"/>
    </row>
    <row r="223" spans="1:45">
      <c r="A223" s="44" t="s">
        <v>355</v>
      </c>
      <c r="B223" s="53">
        <v>72</v>
      </c>
      <c r="C223" s="83">
        <v>4.8002094274040035</v>
      </c>
      <c r="D223" s="84">
        <v>0.36676083434170675</v>
      </c>
      <c r="P223" s="249"/>
      <c r="Q223" s="249"/>
      <c r="R223" s="249"/>
      <c r="S223" s="249"/>
      <c r="T223" s="249"/>
      <c r="U223" s="249"/>
      <c r="V223" s="249"/>
      <c r="W223" s="249"/>
      <c r="X223" s="249"/>
      <c r="Y223" s="249"/>
      <c r="Z223" s="249"/>
      <c r="AA223" s="249"/>
      <c r="AB223" s="249"/>
      <c r="AC223" s="249"/>
      <c r="AD223" s="249"/>
      <c r="AE223" s="249"/>
      <c r="AF223" s="249"/>
      <c r="AG223" s="249"/>
      <c r="AH223" s="249"/>
      <c r="AI223" s="249"/>
      <c r="AJ223" s="249"/>
      <c r="AK223" s="249"/>
      <c r="AL223" s="249"/>
      <c r="AM223" s="249"/>
      <c r="AN223" s="249"/>
      <c r="AO223" s="249"/>
      <c r="AP223" s="249"/>
      <c r="AQ223" s="249"/>
      <c r="AR223" s="249"/>
      <c r="AS223" s="249"/>
    </row>
    <row r="224" spans="1:45">
      <c r="A224" s="48" t="s">
        <v>356</v>
      </c>
      <c r="B224" s="200">
        <v>67</v>
      </c>
      <c r="C224" s="179">
        <v>5.7080002058200927</v>
      </c>
      <c r="D224" s="131">
        <v>0.25374108582673871</v>
      </c>
      <c r="P224" s="249"/>
      <c r="Q224" s="249"/>
      <c r="R224" s="249"/>
      <c r="S224" s="249"/>
      <c r="T224" s="249"/>
      <c r="U224" s="249"/>
      <c r="V224" s="249"/>
      <c r="W224" s="249"/>
      <c r="X224" s="249"/>
      <c r="Y224" s="249"/>
      <c r="Z224" s="249"/>
      <c r="AA224" s="249"/>
      <c r="AB224" s="249"/>
      <c r="AC224" s="249"/>
      <c r="AD224" s="249"/>
      <c r="AE224" s="249"/>
      <c r="AF224" s="249"/>
      <c r="AG224" s="249"/>
      <c r="AH224" s="249"/>
      <c r="AI224" s="249"/>
      <c r="AJ224" s="249"/>
      <c r="AK224" s="249"/>
      <c r="AL224" s="249"/>
      <c r="AM224" s="249"/>
      <c r="AN224" s="249"/>
      <c r="AO224" s="249"/>
      <c r="AP224" s="249"/>
      <c r="AQ224" s="249"/>
      <c r="AR224" s="249"/>
      <c r="AS224" s="249"/>
    </row>
    <row r="225" spans="1:45">
      <c r="A225" s="56" t="s">
        <v>357</v>
      </c>
      <c r="B225" s="199">
        <v>49</v>
      </c>
      <c r="C225" s="83">
        <v>5.4779694953773035</v>
      </c>
      <c r="D225" s="84">
        <v>0.2883863149781325</v>
      </c>
      <c r="P225" s="249"/>
      <c r="Q225" s="249"/>
      <c r="R225" s="249"/>
      <c r="S225" s="249"/>
      <c r="T225" s="249"/>
      <c r="U225" s="249"/>
      <c r="V225" s="249"/>
      <c r="W225" s="249"/>
      <c r="X225" s="249"/>
      <c r="Y225" s="249"/>
      <c r="Z225" s="249"/>
      <c r="AA225" s="249"/>
      <c r="AB225" s="249"/>
      <c r="AC225" s="249"/>
      <c r="AD225" s="249"/>
      <c r="AE225" s="249"/>
      <c r="AF225" s="249"/>
      <c r="AG225" s="249"/>
      <c r="AH225" s="249"/>
      <c r="AI225" s="249"/>
      <c r="AJ225" s="249"/>
      <c r="AK225" s="249"/>
      <c r="AL225" s="249"/>
      <c r="AM225" s="249"/>
      <c r="AN225" s="249"/>
      <c r="AO225" s="249"/>
      <c r="AP225" s="249"/>
      <c r="AQ225" s="249"/>
      <c r="AR225" s="249"/>
      <c r="AS225" s="249"/>
    </row>
    <row r="226" spans="1:45">
      <c r="A226" s="48" t="s">
        <v>358</v>
      </c>
      <c r="B226" s="200">
        <v>94</v>
      </c>
      <c r="C226" s="179">
        <v>3.9564201193361606</v>
      </c>
      <c r="D226" s="131">
        <v>0.36245605413054371</v>
      </c>
      <c r="P226" s="249"/>
      <c r="Q226" s="249"/>
      <c r="R226" s="249"/>
      <c r="S226" s="249"/>
      <c r="T226" s="249"/>
      <c r="U226" s="249"/>
      <c r="V226" s="249"/>
      <c r="W226" s="249"/>
      <c r="X226" s="249"/>
      <c r="Y226" s="249"/>
      <c r="Z226" s="249"/>
      <c r="AA226" s="249"/>
      <c r="AB226" s="249"/>
      <c r="AC226" s="249"/>
      <c r="AD226" s="249"/>
      <c r="AE226" s="249"/>
      <c r="AF226" s="249"/>
      <c r="AG226" s="249"/>
      <c r="AH226" s="249"/>
      <c r="AI226" s="249"/>
      <c r="AJ226" s="249"/>
      <c r="AK226" s="249"/>
      <c r="AL226" s="249"/>
      <c r="AM226" s="249"/>
      <c r="AN226" s="249"/>
      <c r="AO226" s="249"/>
      <c r="AP226" s="249"/>
      <c r="AQ226" s="249"/>
      <c r="AR226" s="249"/>
      <c r="AS226" s="249"/>
    </row>
    <row r="227" spans="1:45">
      <c r="A227" s="56" t="s">
        <v>359</v>
      </c>
      <c r="B227" s="199">
        <v>110</v>
      </c>
      <c r="C227" s="83">
        <v>5.5926086370902333</v>
      </c>
      <c r="D227" s="84">
        <v>0.23075446412994835</v>
      </c>
      <c r="P227" s="249"/>
      <c r="Q227" s="249"/>
      <c r="R227" s="249"/>
      <c r="S227" s="249"/>
      <c r="T227" s="249"/>
      <c r="U227" s="249"/>
      <c r="V227" s="249"/>
      <c r="W227" s="249"/>
      <c r="X227" s="249"/>
      <c r="Y227" s="249"/>
      <c r="Z227" s="249"/>
      <c r="AA227" s="249"/>
      <c r="AB227" s="249"/>
      <c r="AC227" s="249"/>
      <c r="AD227" s="249"/>
      <c r="AE227" s="249"/>
      <c r="AF227" s="249"/>
      <c r="AG227" s="249"/>
      <c r="AH227" s="249"/>
      <c r="AI227" s="249"/>
      <c r="AJ227" s="249"/>
      <c r="AK227" s="249"/>
      <c r="AL227" s="249"/>
      <c r="AM227" s="249"/>
      <c r="AN227" s="249"/>
      <c r="AO227" s="249"/>
      <c r="AP227" s="249"/>
      <c r="AQ227" s="249"/>
      <c r="AR227" s="249"/>
      <c r="AS227" s="249"/>
    </row>
    <row r="228" spans="1:45">
      <c r="A228" s="48" t="s">
        <v>371</v>
      </c>
      <c r="B228" s="200">
        <v>170</v>
      </c>
      <c r="C228" s="179">
        <v>4.9726450792881094</v>
      </c>
      <c r="D228" s="131">
        <v>0.18892995819786143</v>
      </c>
      <c r="P228" s="249"/>
      <c r="Q228" s="249"/>
      <c r="R228" s="249"/>
      <c r="S228" s="249"/>
      <c r="T228" s="249"/>
      <c r="U228" s="249"/>
      <c r="V228" s="249"/>
      <c r="W228" s="249"/>
      <c r="X228" s="249"/>
      <c r="Y228" s="249"/>
      <c r="Z228" s="249"/>
      <c r="AA228" s="249"/>
      <c r="AB228" s="249"/>
      <c r="AC228" s="249"/>
      <c r="AD228" s="249"/>
      <c r="AE228" s="249"/>
      <c r="AF228" s="249"/>
      <c r="AG228" s="249"/>
      <c r="AH228" s="249"/>
      <c r="AI228" s="249"/>
      <c r="AJ228" s="249"/>
      <c r="AK228" s="249"/>
      <c r="AL228" s="249"/>
      <c r="AM228" s="249"/>
      <c r="AN228" s="249"/>
      <c r="AO228" s="249"/>
      <c r="AP228" s="249"/>
      <c r="AQ228" s="249"/>
      <c r="AR228" s="249"/>
      <c r="AS228" s="249"/>
    </row>
    <row r="229" spans="1:45">
      <c r="A229" s="56" t="s">
        <v>360</v>
      </c>
      <c r="B229" s="199">
        <v>99</v>
      </c>
      <c r="C229" s="83">
        <v>4.9000514147810241</v>
      </c>
      <c r="D229" s="84">
        <v>0.25805659219446986</v>
      </c>
      <c r="P229" s="249"/>
      <c r="Q229" s="249"/>
      <c r="R229" s="249"/>
      <c r="S229" s="249"/>
      <c r="T229" s="249"/>
      <c r="U229" s="249"/>
      <c r="V229" s="249"/>
      <c r="W229" s="249"/>
      <c r="X229" s="249"/>
      <c r="Y229" s="249"/>
      <c r="Z229" s="249"/>
      <c r="AA229" s="249"/>
      <c r="AB229" s="249"/>
      <c r="AC229" s="249"/>
      <c r="AD229" s="249"/>
      <c r="AE229" s="249"/>
      <c r="AF229" s="249"/>
      <c r="AG229" s="249"/>
      <c r="AH229" s="249"/>
      <c r="AI229" s="249"/>
      <c r="AJ229" s="249"/>
      <c r="AK229" s="249"/>
      <c r="AL229" s="249"/>
      <c r="AM229" s="249"/>
      <c r="AN229" s="249"/>
      <c r="AO229" s="249"/>
      <c r="AP229" s="249"/>
      <c r="AQ229" s="249"/>
      <c r="AR229" s="249"/>
      <c r="AS229" s="249"/>
    </row>
    <row r="230" spans="1:45">
      <c r="A230" s="48" t="s">
        <v>370</v>
      </c>
      <c r="B230" s="200">
        <v>272</v>
      </c>
      <c r="C230" s="179">
        <v>4.495523721967686</v>
      </c>
      <c r="D230" s="131">
        <v>0.21741511684382575</v>
      </c>
      <c r="P230" s="249"/>
      <c r="Q230" s="249"/>
      <c r="R230" s="249"/>
      <c r="S230" s="249"/>
      <c r="T230" s="249"/>
      <c r="U230" s="249"/>
      <c r="V230" s="249"/>
      <c r="W230" s="249"/>
      <c r="X230" s="249"/>
      <c r="Y230" s="249"/>
      <c r="Z230" s="249"/>
      <c r="AA230" s="249"/>
      <c r="AB230" s="249"/>
      <c r="AC230" s="249"/>
      <c r="AD230" s="249"/>
      <c r="AE230" s="249"/>
      <c r="AF230" s="249"/>
      <c r="AG230" s="249"/>
      <c r="AH230" s="249"/>
      <c r="AI230" s="249"/>
      <c r="AJ230" s="249"/>
      <c r="AK230" s="249"/>
      <c r="AL230" s="249"/>
      <c r="AM230" s="249"/>
      <c r="AN230" s="249"/>
      <c r="AO230" s="249"/>
      <c r="AP230" s="249"/>
      <c r="AQ230" s="249"/>
      <c r="AR230" s="249"/>
      <c r="AS230" s="249"/>
    </row>
    <row r="231" spans="1:45">
      <c r="A231" s="56" t="s">
        <v>361</v>
      </c>
      <c r="B231" s="199">
        <v>120</v>
      </c>
      <c r="C231" s="83">
        <v>4.834246247682076</v>
      </c>
      <c r="D231" s="84">
        <v>0.31286941041568161</v>
      </c>
      <c r="P231" s="249"/>
      <c r="Q231" s="249"/>
      <c r="R231" s="249"/>
      <c r="S231" s="249"/>
      <c r="T231" s="249"/>
      <c r="U231" s="249"/>
      <c r="V231" s="249"/>
      <c r="W231" s="249"/>
      <c r="X231" s="249"/>
      <c r="Y231" s="249"/>
      <c r="Z231" s="249"/>
      <c r="AA231" s="249"/>
      <c r="AB231" s="249"/>
      <c r="AC231" s="249"/>
      <c r="AD231" s="249"/>
      <c r="AE231" s="249"/>
      <c r="AF231" s="249"/>
      <c r="AG231" s="249"/>
      <c r="AH231" s="249"/>
      <c r="AI231" s="249"/>
      <c r="AJ231" s="249"/>
      <c r="AK231" s="249"/>
      <c r="AL231" s="249"/>
      <c r="AM231" s="249"/>
      <c r="AN231" s="249"/>
      <c r="AO231" s="249"/>
      <c r="AP231" s="249"/>
      <c r="AQ231" s="249"/>
      <c r="AR231" s="249"/>
      <c r="AS231" s="249"/>
    </row>
    <row r="232" spans="1:45">
      <c r="A232" s="48" t="s">
        <v>375</v>
      </c>
      <c r="B232" s="200">
        <v>101</v>
      </c>
      <c r="C232" s="179">
        <v>4.3660556291852988</v>
      </c>
      <c r="D232" s="131">
        <v>0.34321643009973007</v>
      </c>
      <c r="P232" s="249"/>
      <c r="Q232" s="249"/>
      <c r="R232" s="249"/>
      <c r="S232" s="249"/>
      <c r="T232" s="249"/>
      <c r="U232" s="249"/>
      <c r="V232" s="249"/>
      <c r="W232" s="249"/>
      <c r="X232" s="249"/>
      <c r="Y232" s="249"/>
      <c r="Z232" s="249"/>
      <c r="AA232" s="249"/>
      <c r="AB232" s="249"/>
      <c r="AC232" s="249"/>
      <c r="AD232" s="249"/>
      <c r="AE232" s="249"/>
      <c r="AF232" s="249"/>
      <c r="AG232" s="249"/>
      <c r="AH232" s="249"/>
      <c r="AI232" s="249"/>
      <c r="AJ232" s="249"/>
      <c r="AK232" s="249"/>
      <c r="AL232" s="249"/>
      <c r="AM232" s="249"/>
      <c r="AN232" s="249"/>
      <c r="AO232" s="249"/>
      <c r="AP232" s="249"/>
      <c r="AQ232" s="249"/>
      <c r="AR232" s="249"/>
      <c r="AS232" s="249"/>
    </row>
    <row r="233" spans="1:45">
      <c r="A233" s="56" t="s">
        <v>358</v>
      </c>
      <c r="B233" s="199">
        <v>94</v>
      </c>
      <c r="C233" s="83">
        <v>3.9564201193361606</v>
      </c>
      <c r="D233" s="84">
        <v>0.36245605413054371</v>
      </c>
      <c r="P233" s="249"/>
      <c r="Q233" s="249"/>
      <c r="R233" s="249"/>
      <c r="S233" s="249"/>
      <c r="T233" s="249"/>
      <c r="U233" s="249"/>
      <c r="V233" s="249"/>
      <c r="W233" s="249"/>
      <c r="X233" s="249"/>
      <c r="Y233" s="249"/>
      <c r="Z233" s="249"/>
      <c r="AA233" s="249"/>
      <c r="AB233" s="249"/>
      <c r="AC233" s="249"/>
      <c r="AD233" s="249"/>
      <c r="AE233" s="249"/>
      <c r="AF233" s="249"/>
      <c r="AG233" s="249"/>
      <c r="AH233" s="249"/>
      <c r="AI233" s="249"/>
      <c r="AJ233" s="249"/>
      <c r="AK233" s="249"/>
      <c r="AL233" s="249"/>
      <c r="AM233" s="249"/>
      <c r="AN233" s="249"/>
      <c r="AO233" s="249"/>
      <c r="AP233" s="249"/>
      <c r="AQ233" s="249"/>
      <c r="AR233" s="249"/>
      <c r="AS233" s="249"/>
    </row>
    <row r="234" spans="1:45">
      <c r="P234" s="249"/>
      <c r="Q234" s="249"/>
      <c r="R234" s="249"/>
      <c r="S234" s="249"/>
      <c r="T234" s="249"/>
      <c r="U234" s="249"/>
      <c r="V234" s="249"/>
      <c r="W234" s="249"/>
      <c r="X234" s="249"/>
      <c r="Y234" s="249"/>
      <c r="Z234" s="249"/>
      <c r="AA234" s="249"/>
      <c r="AB234" s="249"/>
      <c r="AC234" s="249"/>
      <c r="AD234" s="249"/>
      <c r="AE234" s="249"/>
      <c r="AF234" s="249"/>
      <c r="AG234" s="249"/>
      <c r="AH234" s="249"/>
      <c r="AI234" s="249"/>
      <c r="AJ234" s="249"/>
      <c r="AK234" s="249"/>
      <c r="AL234" s="249"/>
      <c r="AM234" s="249"/>
      <c r="AN234" s="249"/>
      <c r="AO234" s="249"/>
      <c r="AP234" s="249"/>
      <c r="AQ234" s="249"/>
      <c r="AR234" s="249"/>
      <c r="AS234" s="249"/>
    </row>
    <row r="235" spans="1:45" ht="18.75">
      <c r="A235" s="416" t="s">
        <v>444</v>
      </c>
      <c r="B235" s="416"/>
      <c r="C235" s="416"/>
      <c r="D235" s="416"/>
      <c r="E235" s="416"/>
      <c r="F235" s="416"/>
      <c r="G235" s="416"/>
      <c r="H235" s="416"/>
      <c r="I235" s="416"/>
      <c r="J235" s="416"/>
      <c r="K235" s="416"/>
      <c r="L235" s="416"/>
      <c r="M235" s="416"/>
      <c r="N235" s="416"/>
      <c r="O235" s="416"/>
      <c r="P235" s="416"/>
      <c r="Q235" s="416"/>
      <c r="R235" s="416"/>
      <c r="S235" s="416"/>
      <c r="T235" s="249"/>
      <c r="U235" s="249"/>
      <c r="V235" s="249"/>
      <c r="W235" s="249"/>
      <c r="X235" s="249"/>
      <c r="Y235" s="249"/>
      <c r="Z235" s="249"/>
      <c r="AA235" s="249"/>
      <c r="AB235" s="249"/>
      <c r="AC235" s="249"/>
      <c r="AD235" s="249"/>
      <c r="AE235" s="249"/>
      <c r="AF235" s="249"/>
      <c r="AG235" s="249"/>
      <c r="AH235" s="249"/>
      <c r="AI235" s="249"/>
      <c r="AJ235" s="249"/>
      <c r="AK235" s="249"/>
      <c r="AL235" s="249"/>
      <c r="AM235" s="249"/>
      <c r="AN235" s="249"/>
      <c r="AO235" s="249"/>
      <c r="AP235" s="249"/>
      <c r="AQ235" s="249"/>
      <c r="AR235" s="249"/>
      <c r="AS235" s="249"/>
    </row>
    <row r="236" spans="1:45" ht="57.75" customHeight="1">
      <c r="A236" s="415" t="s">
        <v>599</v>
      </c>
      <c r="B236" s="415"/>
      <c r="C236" s="415"/>
      <c r="D236" s="415"/>
      <c r="E236" s="415"/>
      <c r="F236" s="415"/>
      <c r="G236" s="415"/>
      <c r="H236" s="415"/>
      <c r="I236" s="415"/>
      <c r="J236" s="415"/>
      <c r="K236" s="415"/>
      <c r="L236" s="415"/>
      <c r="M236" s="415"/>
      <c r="N236" s="415"/>
      <c r="O236" s="415"/>
      <c r="P236" s="415"/>
      <c r="Q236" s="415"/>
      <c r="R236" s="415"/>
      <c r="S236" s="415"/>
      <c r="T236" s="249"/>
      <c r="U236" s="249"/>
      <c r="V236" s="249"/>
      <c r="W236" s="249"/>
      <c r="X236" s="249"/>
      <c r="Y236" s="249"/>
      <c r="Z236" s="249"/>
      <c r="AA236" s="249"/>
      <c r="AB236" s="249"/>
      <c r="AC236" s="249"/>
      <c r="AD236" s="249"/>
      <c r="AE236" s="249"/>
      <c r="AF236" s="249"/>
      <c r="AG236" s="249"/>
      <c r="AH236" s="249"/>
      <c r="AI236" s="249"/>
      <c r="AJ236" s="249"/>
      <c r="AK236" s="249"/>
      <c r="AL236" s="249"/>
      <c r="AM236" s="249"/>
      <c r="AN236" s="249"/>
      <c r="AO236" s="249"/>
      <c r="AP236" s="249"/>
      <c r="AQ236" s="249"/>
      <c r="AR236" s="249"/>
      <c r="AS236" s="249"/>
    </row>
    <row r="237" spans="1:45" ht="39" customHeight="1">
      <c r="A237" s="63"/>
      <c r="B237" s="410" t="s">
        <v>445</v>
      </c>
      <c r="C237" s="411"/>
      <c r="D237" s="411"/>
      <c r="E237" s="411"/>
      <c r="F237" s="411"/>
      <c r="G237" s="411"/>
      <c r="H237" s="411"/>
      <c r="I237" s="411"/>
      <c r="J237" s="412"/>
      <c r="K237" s="413" t="s">
        <v>446</v>
      </c>
      <c r="L237" s="414"/>
      <c r="M237" s="414"/>
      <c r="N237" s="414"/>
      <c r="O237" s="414"/>
      <c r="P237" s="414"/>
      <c r="Q237" s="414"/>
      <c r="R237" s="414"/>
      <c r="S237" s="414"/>
      <c r="W237" s="249"/>
      <c r="X237" s="249"/>
      <c r="Y237" s="249"/>
      <c r="Z237" s="249"/>
      <c r="AA237" s="249"/>
      <c r="AB237" s="249"/>
      <c r="AC237" s="249"/>
      <c r="AD237" s="249"/>
      <c r="AE237" s="249"/>
      <c r="AF237" s="249"/>
      <c r="AG237" s="249"/>
      <c r="AH237" s="249"/>
      <c r="AI237" s="249"/>
      <c r="AJ237" s="249"/>
      <c r="AK237" s="249"/>
      <c r="AL237" s="249"/>
      <c r="AM237" s="249"/>
      <c r="AN237" s="249"/>
      <c r="AO237" s="249"/>
      <c r="AP237" s="249"/>
      <c r="AQ237" s="249"/>
      <c r="AR237" s="249"/>
      <c r="AS237" s="249"/>
    </row>
    <row r="238" spans="1:45" ht="72">
      <c r="A238" s="36" t="s">
        <v>70</v>
      </c>
      <c r="B238" s="37" t="s">
        <v>71</v>
      </c>
      <c r="C238" s="37" t="s">
        <v>447</v>
      </c>
      <c r="D238" s="88" t="s">
        <v>142</v>
      </c>
      <c r="E238" s="37" t="s">
        <v>448</v>
      </c>
      <c r="F238" s="88" t="s">
        <v>143</v>
      </c>
      <c r="G238" s="37" t="s">
        <v>449</v>
      </c>
      <c r="H238" s="88" t="s">
        <v>116</v>
      </c>
      <c r="I238" s="37" t="s">
        <v>301</v>
      </c>
      <c r="J238" s="88" t="s">
        <v>315</v>
      </c>
      <c r="K238" s="64" t="s">
        <v>71</v>
      </c>
      <c r="L238" s="64" t="s">
        <v>447</v>
      </c>
      <c r="M238" s="87" t="s">
        <v>142</v>
      </c>
      <c r="N238" s="64" t="s">
        <v>448</v>
      </c>
      <c r="O238" s="87" t="s">
        <v>143</v>
      </c>
      <c r="P238" s="64" t="s">
        <v>449</v>
      </c>
      <c r="Q238" s="87" t="s">
        <v>116</v>
      </c>
      <c r="R238" s="64" t="s">
        <v>301</v>
      </c>
      <c r="S238" s="87" t="s">
        <v>315</v>
      </c>
      <c r="W238" s="249"/>
      <c r="X238" s="249"/>
      <c r="Y238" s="249"/>
      <c r="Z238" s="249"/>
      <c r="AA238" s="249"/>
      <c r="AB238" s="249"/>
      <c r="AC238" s="249"/>
      <c r="AD238" s="249"/>
      <c r="AE238" s="249"/>
      <c r="AF238" s="249"/>
      <c r="AG238" s="249"/>
      <c r="AH238" s="249"/>
      <c r="AI238" s="249"/>
      <c r="AJ238" s="249"/>
      <c r="AK238" s="249"/>
      <c r="AL238" s="249"/>
      <c r="AM238" s="249"/>
      <c r="AN238" s="249"/>
      <c r="AO238" s="249"/>
      <c r="AP238" s="249"/>
      <c r="AQ238" s="249"/>
      <c r="AR238" s="249"/>
      <c r="AS238" s="249"/>
    </row>
    <row r="239" spans="1:45" ht="72">
      <c r="A239" s="40"/>
      <c r="B239" s="41" t="s">
        <v>73</v>
      </c>
      <c r="C239" s="41" t="s">
        <v>159</v>
      </c>
      <c r="D239" s="90" t="s">
        <v>87</v>
      </c>
      <c r="E239" s="41" t="s">
        <v>160</v>
      </c>
      <c r="F239" s="90" t="s">
        <v>87</v>
      </c>
      <c r="G239" s="41" t="s">
        <v>161</v>
      </c>
      <c r="H239" s="90" t="s">
        <v>87</v>
      </c>
      <c r="I239" s="41" t="s">
        <v>301</v>
      </c>
      <c r="J239" s="90" t="s">
        <v>87</v>
      </c>
      <c r="K239" s="67" t="s">
        <v>73</v>
      </c>
      <c r="L239" s="67" t="s">
        <v>159</v>
      </c>
      <c r="M239" s="89" t="s">
        <v>87</v>
      </c>
      <c r="N239" s="67" t="s">
        <v>160</v>
      </c>
      <c r="O239" s="89" t="s">
        <v>87</v>
      </c>
      <c r="P239" s="67" t="s">
        <v>161</v>
      </c>
      <c r="Q239" s="89" t="s">
        <v>87</v>
      </c>
      <c r="R239" s="67" t="s">
        <v>301</v>
      </c>
      <c r="S239" s="89" t="s">
        <v>87</v>
      </c>
      <c r="W239" s="249"/>
      <c r="X239" s="249"/>
      <c r="Y239" s="249"/>
      <c r="Z239" s="249"/>
      <c r="AA239" s="249"/>
      <c r="AB239" s="249"/>
      <c r="AC239" s="249"/>
      <c r="AD239" s="249"/>
      <c r="AE239" s="249"/>
      <c r="AF239" s="249"/>
      <c r="AG239" s="249"/>
      <c r="AH239" s="249"/>
      <c r="AI239" s="249"/>
      <c r="AJ239" s="249"/>
      <c r="AK239" s="249"/>
      <c r="AL239" s="249"/>
      <c r="AM239" s="249"/>
      <c r="AN239" s="249"/>
      <c r="AO239" s="249"/>
      <c r="AP239" s="249"/>
      <c r="AQ239" s="249"/>
      <c r="AR239" s="249"/>
      <c r="AS239" s="249"/>
    </row>
    <row r="240" spans="1:45">
      <c r="A240" s="44" t="s">
        <v>349</v>
      </c>
      <c r="B240" s="44">
        <v>13823</v>
      </c>
      <c r="C240" s="197">
        <v>0.1449675895687571</v>
      </c>
      <c r="D240" s="93">
        <v>5.9899123419875321E-3</v>
      </c>
      <c r="E240" s="197">
        <v>0.12516355582310087</v>
      </c>
      <c r="F240" s="93">
        <v>5.6302738899209172E-3</v>
      </c>
      <c r="G240" s="197">
        <v>0.71704334011203941</v>
      </c>
      <c r="H240" s="93">
        <v>7.6617476168737708E-3</v>
      </c>
      <c r="I240" s="197">
        <v>1.2825514496109242E-2</v>
      </c>
      <c r="J240" s="93">
        <v>1.9241658205798801E-3</v>
      </c>
      <c r="K240" s="199">
        <v>13828</v>
      </c>
      <c r="L240" s="197">
        <v>0.16609066207296061</v>
      </c>
      <c r="M240" s="93">
        <v>6.3302460996892598E-3</v>
      </c>
      <c r="N240" s="197">
        <v>0.14647282108172721</v>
      </c>
      <c r="O240" s="93">
        <v>6.0145093680234827E-3</v>
      </c>
      <c r="P240" s="197">
        <v>0.59250635510264726</v>
      </c>
      <c r="Q240" s="93">
        <v>8.3560086833474757E-3</v>
      </c>
      <c r="R240" s="197">
        <v>9.4930161742680652E-2</v>
      </c>
      <c r="S240" s="93">
        <v>4.9873556751508603E-3</v>
      </c>
      <c r="W240" s="249"/>
      <c r="X240" s="249"/>
      <c r="Y240" s="249"/>
      <c r="Z240" s="249"/>
      <c r="AA240" s="249"/>
      <c r="AB240" s="249"/>
      <c r="AC240" s="249"/>
      <c r="AD240" s="249"/>
      <c r="AE240" s="249"/>
      <c r="AF240" s="249"/>
      <c r="AG240" s="249"/>
      <c r="AH240" s="249"/>
      <c r="AI240" s="249"/>
      <c r="AJ240" s="249"/>
      <c r="AK240" s="249"/>
      <c r="AL240" s="249"/>
      <c r="AM240" s="249"/>
      <c r="AN240" s="249"/>
      <c r="AO240" s="249"/>
      <c r="AP240" s="249"/>
      <c r="AQ240" s="249"/>
      <c r="AR240" s="249"/>
      <c r="AS240" s="249"/>
    </row>
    <row r="241" spans="1:45">
      <c r="A241" s="48" t="s">
        <v>350</v>
      </c>
      <c r="B241" s="48">
        <v>10154</v>
      </c>
      <c r="C241" s="198">
        <v>0.1889512126284949</v>
      </c>
      <c r="D241" s="96">
        <v>7.7701990274397269E-3</v>
      </c>
      <c r="E241" s="198">
        <v>0.1232411290671179</v>
      </c>
      <c r="F241" s="96">
        <v>6.5263191889328234E-3</v>
      </c>
      <c r="G241" s="198">
        <v>0.67715974238595034</v>
      </c>
      <c r="H241" s="96">
        <v>9.2787579436654413E-3</v>
      </c>
      <c r="I241" s="198">
        <v>1.0647915918430936E-2</v>
      </c>
      <c r="J241" s="96">
        <v>2.0548774836072069E-3</v>
      </c>
      <c r="K241" s="48">
        <v>10155</v>
      </c>
      <c r="L241" s="198">
        <v>0.21705472707273019</v>
      </c>
      <c r="M241" s="96">
        <v>8.1815458409246512E-3</v>
      </c>
      <c r="N241" s="198">
        <v>0.15128193866659398</v>
      </c>
      <c r="O241" s="96">
        <v>7.1128170804036755E-3</v>
      </c>
      <c r="P241" s="198">
        <v>0.55479633405969486</v>
      </c>
      <c r="Q241" s="96">
        <v>9.8617218955473346E-3</v>
      </c>
      <c r="R241" s="198">
        <v>7.6867000200978072E-2</v>
      </c>
      <c r="S241" s="96">
        <v>5.2909976602783159E-3</v>
      </c>
      <c r="W241" s="249"/>
      <c r="X241" s="249"/>
      <c r="Y241" s="249"/>
      <c r="Z241" s="249"/>
      <c r="AA241" s="249"/>
      <c r="AB241" s="249"/>
      <c r="AC241" s="249"/>
      <c r="AD241" s="249"/>
      <c r="AE241" s="249"/>
      <c r="AF241" s="249"/>
      <c r="AG241" s="249"/>
      <c r="AH241" s="249"/>
      <c r="AI241" s="249"/>
      <c r="AJ241" s="249"/>
      <c r="AK241" s="249"/>
      <c r="AL241" s="249"/>
      <c r="AM241" s="249"/>
      <c r="AN241" s="249"/>
      <c r="AO241" s="249"/>
      <c r="AP241" s="249"/>
      <c r="AQ241" s="249"/>
      <c r="AR241" s="249"/>
      <c r="AS241" s="249"/>
    </row>
    <row r="242" spans="1:45">
      <c r="A242" s="44" t="s">
        <v>351</v>
      </c>
      <c r="B242" s="44">
        <v>3669</v>
      </c>
      <c r="C242" s="197">
        <v>0.1090433664636099</v>
      </c>
      <c r="D242" s="93">
        <v>1.0303620458752962E-2</v>
      </c>
      <c r="E242" s="197">
        <v>0.12673372405574568</v>
      </c>
      <c r="F242" s="93">
        <v>1.0993430980410815E-2</v>
      </c>
      <c r="G242" s="197">
        <v>0.74961881169157574</v>
      </c>
      <c r="H242" s="93">
        <v>1.4302023550752958E-2</v>
      </c>
      <c r="I242" s="197">
        <v>1.4604097789070035E-2</v>
      </c>
      <c r="J242" s="93">
        <v>4.0287165092681527E-3</v>
      </c>
      <c r="K242" s="199">
        <v>3673</v>
      </c>
      <c r="L242" s="197">
        <v>0.12445309423105477</v>
      </c>
      <c r="M242" s="93">
        <v>1.0902749760087468E-2</v>
      </c>
      <c r="N242" s="197">
        <v>0.14254377892818759</v>
      </c>
      <c r="O242" s="93">
        <v>1.1544001126064542E-2</v>
      </c>
      <c r="P242" s="197">
        <v>0.62331538808503573</v>
      </c>
      <c r="Q242" s="93">
        <v>1.5982938348325766E-2</v>
      </c>
      <c r="R242" s="197">
        <v>0.10968773875572151</v>
      </c>
      <c r="S242" s="93">
        <v>1.032449371819859E-2</v>
      </c>
      <c r="W242" s="249"/>
      <c r="X242" s="249"/>
      <c r="Y242" s="249"/>
      <c r="Z242" s="249"/>
      <c r="AA242" s="249"/>
      <c r="AB242" s="249"/>
      <c r="AC242" s="249"/>
      <c r="AD242" s="249"/>
      <c r="AE242" s="249"/>
      <c r="AF242" s="249"/>
      <c r="AG242" s="249"/>
      <c r="AH242" s="249"/>
      <c r="AI242" s="249"/>
      <c r="AJ242" s="249"/>
      <c r="AK242" s="249"/>
      <c r="AL242" s="249"/>
      <c r="AM242" s="249"/>
      <c r="AN242" s="249"/>
      <c r="AO242" s="249"/>
      <c r="AP242" s="249"/>
      <c r="AQ242" s="249"/>
      <c r="AR242" s="249"/>
      <c r="AS242" s="249"/>
    </row>
    <row r="243" spans="1:45">
      <c r="A243" s="48" t="s">
        <v>558</v>
      </c>
      <c r="B243" s="48">
        <v>330</v>
      </c>
      <c r="C243" s="198">
        <v>0.11772372360879636</v>
      </c>
      <c r="D243" s="96">
        <v>3.5854685446687636E-2</v>
      </c>
      <c r="E243" s="198">
        <v>0.1570355329884669</v>
      </c>
      <c r="F243" s="96">
        <v>4.0235215646499796E-2</v>
      </c>
      <c r="G243" s="198">
        <v>0.71400341089671782</v>
      </c>
      <c r="H243" s="96">
        <v>4.9584249568176572E-2</v>
      </c>
      <c r="I243" s="198">
        <v>1.1237332506019493E-2</v>
      </c>
      <c r="J243" s="96">
        <v>1.4183858138281841E-2</v>
      </c>
      <c r="K243" s="48">
        <v>331</v>
      </c>
      <c r="L243" s="198">
        <v>0.12358623001699737</v>
      </c>
      <c r="M243" s="96">
        <v>3.6516371505960127E-2</v>
      </c>
      <c r="N243" s="198">
        <v>0.15846225351073667</v>
      </c>
      <c r="O243" s="96">
        <v>4.0315318636593413E-2</v>
      </c>
      <c r="P243" s="198">
        <v>0.54376905153041966</v>
      </c>
      <c r="Q243" s="96">
        <v>5.4431087010315918E-2</v>
      </c>
      <c r="R243" s="198">
        <v>0.17418246494184703</v>
      </c>
      <c r="S243" s="96">
        <v>4.180450494547721E-2</v>
      </c>
      <c r="W243" s="249"/>
      <c r="X243" s="249"/>
      <c r="Y243" s="249"/>
      <c r="Z243" s="249"/>
      <c r="AA243" s="249"/>
      <c r="AB243" s="249"/>
      <c r="AC243" s="249"/>
      <c r="AD243" s="249"/>
      <c r="AE243" s="249"/>
      <c r="AF243" s="249"/>
      <c r="AG243" s="249"/>
      <c r="AH243" s="249"/>
      <c r="AI243" s="249"/>
      <c r="AJ243" s="249"/>
      <c r="AK243" s="249"/>
      <c r="AL243" s="249"/>
      <c r="AM243" s="249"/>
      <c r="AN243" s="249"/>
      <c r="AO243" s="249"/>
      <c r="AP243" s="249"/>
      <c r="AQ243" s="249"/>
      <c r="AR243" s="249"/>
      <c r="AS243" s="249"/>
    </row>
    <row r="244" spans="1:45">
      <c r="A244" s="44" t="s">
        <v>559</v>
      </c>
      <c r="B244" s="44">
        <v>3593</v>
      </c>
      <c r="C244" s="197">
        <v>0.15083111070540364</v>
      </c>
      <c r="D244" s="93">
        <v>1.1947065755422644E-2</v>
      </c>
      <c r="E244" s="197">
        <v>0.11783259863895081</v>
      </c>
      <c r="F244" s="93">
        <v>1.0768250330209617E-2</v>
      </c>
      <c r="G244" s="197">
        <v>0.72032631941487368</v>
      </c>
      <c r="H244" s="93">
        <v>1.4971540707723975E-2</v>
      </c>
      <c r="I244" s="197">
        <v>1.1009971240779572E-2</v>
      </c>
      <c r="J244" s="93">
        <v>3.5636720135808495E-3</v>
      </c>
      <c r="K244" s="199">
        <v>3600</v>
      </c>
      <c r="L244" s="197">
        <v>0.16458349473423881</v>
      </c>
      <c r="M244" s="93">
        <v>1.236448681595115E-2</v>
      </c>
      <c r="N244" s="197">
        <v>0.14938339493905972</v>
      </c>
      <c r="O244" s="93">
        <v>1.1888341216833073E-2</v>
      </c>
      <c r="P244" s="197">
        <v>0.60309605276941125</v>
      </c>
      <c r="Q244" s="93">
        <v>1.6300275565464314E-2</v>
      </c>
      <c r="R244" s="197">
        <v>8.2937057557300631E-2</v>
      </c>
      <c r="S244" s="93">
        <v>9.2110773578094312E-3</v>
      </c>
      <c r="W244" s="249"/>
      <c r="X244" s="249"/>
      <c r="Y244" s="249"/>
      <c r="Z244" s="249"/>
      <c r="AA244" s="249"/>
      <c r="AB244" s="249"/>
      <c r="AC244" s="249"/>
      <c r="AD244" s="249"/>
      <c r="AE244" s="249"/>
      <c r="AF244" s="249"/>
      <c r="AG244" s="249"/>
      <c r="AH244" s="249"/>
      <c r="AI244" s="249"/>
      <c r="AJ244" s="249"/>
      <c r="AK244" s="249"/>
      <c r="AL244" s="249"/>
      <c r="AM244" s="249"/>
      <c r="AN244" s="249"/>
      <c r="AO244" s="249"/>
      <c r="AP244" s="249"/>
      <c r="AQ244" s="249"/>
      <c r="AR244" s="249"/>
      <c r="AS244" s="249"/>
    </row>
    <row r="245" spans="1:45">
      <c r="A245" s="48" t="s">
        <v>560</v>
      </c>
      <c r="B245" s="48">
        <v>2950</v>
      </c>
      <c r="C245" s="198">
        <v>0.19155701777522199</v>
      </c>
      <c r="D245" s="96">
        <v>1.4493030648913137E-2</v>
      </c>
      <c r="E245" s="198">
        <v>0.11010933001563443</v>
      </c>
      <c r="F245" s="96">
        <v>1.1542900572854307E-2</v>
      </c>
      <c r="G245" s="198">
        <v>0.69205467191620695</v>
      </c>
      <c r="H245" s="96">
        <v>1.6991567745365876E-2</v>
      </c>
      <c r="I245" s="198">
        <v>6.2789802929336539E-3</v>
      </c>
      <c r="J245" s="96">
        <v>3.0565108376087629E-3</v>
      </c>
      <c r="K245" s="48">
        <v>2959</v>
      </c>
      <c r="L245" s="198">
        <v>0.19985683528616022</v>
      </c>
      <c r="M245" s="96">
        <v>1.4704062150501372E-2</v>
      </c>
      <c r="N245" s="198">
        <v>0.14727460382637955</v>
      </c>
      <c r="O245" s="96">
        <v>1.3038041642789076E-2</v>
      </c>
      <c r="P245" s="198">
        <v>0.5842529053493577</v>
      </c>
      <c r="Q245" s="96">
        <v>1.8109078163162564E-2</v>
      </c>
      <c r="R245" s="198">
        <v>6.8615655538098813E-2</v>
      </c>
      <c r="S245" s="96">
        <v>9.3248025551696239E-3</v>
      </c>
      <c r="W245" s="249"/>
      <c r="X245" s="249"/>
      <c r="Y245" s="249"/>
      <c r="Z245" s="249"/>
      <c r="AA245" s="249"/>
      <c r="AB245" s="249"/>
      <c r="AC245" s="249"/>
      <c r="AD245" s="249"/>
      <c r="AE245" s="249"/>
      <c r="AF245" s="249"/>
      <c r="AG245" s="249"/>
      <c r="AH245" s="249"/>
      <c r="AI245" s="249"/>
      <c r="AJ245" s="249"/>
      <c r="AK245" s="249"/>
      <c r="AL245" s="249"/>
      <c r="AM245" s="249"/>
      <c r="AN245" s="249"/>
      <c r="AO245" s="249"/>
      <c r="AP245" s="249"/>
      <c r="AQ245" s="249"/>
      <c r="AR245" s="249"/>
      <c r="AS245" s="249"/>
    </row>
    <row r="246" spans="1:45">
      <c r="A246" s="44" t="s">
        <v>368</v>
      </c>
      <c r="B246" s="44">
        <v>159</v>
      </c>
      <c r="C246" s="197">
        <v>0.15492283116041949</v>
      </c>
      <c r="D246" s="93">
        <v>5.7917726577807617E-2</v>
      </c>
      <c r="E246" s="197">
        <v>0.10613212609398831</v>
      </c>
      <c r="F246" s="93">
        <v>5.0125856887226518E-2</v>
      </c>
      <c r="G246" s="197">
        <v>0.73275848694636236</v>
      </c>
      <c r="H246" s="93">
        <v>6.9784916072138492E-2</v>
      </c>
      <c r="I246" s="197">
        <v>6.1865557992300223E-3</v>
      </c>
      <c r="J246" s="93">
        <v>2.0999337368746394E-2</v>
      </c>
      <c r="K246" s="199">
        <v>159</v>
      </c>
      <c r="L246" s="197">
        <v>0.13320514654088123</v>
      </c>
      <c r="M246" s="93">
        <v>5.4712551802989763E-2</v>
      </c>
      <c r="N246" s="197">
        <v>0.14832172730467785</v>
      </c>
      <c r="O246" s="93">
        <v>5.6983041238690475E-2</v>
      </c>
      <c r="P246" s="197">
        <v>0.64607941666632707</v>
      </c>
      <c r="Q246" s="93">
        <v>7.5077918779288919E-2</v>
      </c>
      <c r="R246" s="197">
        <v>7.2393709488114147E-2</v>
      </c>
      <c r="S246" s="93">
        <v>4.3190785626182795E-2</v>
      </c>
      <c r="W246" s="249"/>
      <c r="X246" s="249"/>
      <c r="Y246" s="249"/>
      <c r="Z246" s="249"/>
      <c r="AA246" s="249"/>
      <c r="AB246" s="249"/>
      <c r="AC246" s="249"/>
      <c r="AD246" s="249"/>
      <c r="AE246" s="249"/>
      <c r="AF246" s="249"/>
      <c r="AG246" s="249"/>
      <c r="AH246" s="249"/>
      <c r="AI246" s="249"/>
      <c r="AJ246" s="249"/>
      <c r="AK246" s="249"/>
      <c r="AL246" s="249"/>
      <c r="AM246" s="249"/>
      <c r="AN246" s="249"/>
      <c r="AO246" s="249"/>
      <c r="AP246" s="249"/>
      <c r="AQ246" s="249"/>
      <c r="AR246" s="249"/>
      <c r="AS246" s="249"/>
    </row>
    <row r="247" spans="1:45">
      <c r="A247" s="48" t="s">
        <v>150</v>
      </c>
      <c r="B247" s="48">
        <v>272</v>
      </c>
      <c r="C247" s="198">
        <v>0.21161551754898511</v>
      </c>
      <c r="D247" s="96">
        <v>4.9523456536846394E-2</v>
      </c>
      <c r="E247" s="198">
        <v>9.0104438113917884E-2</v>
      </c>
      <c r="F247" s="96">
        <v>3.5472038469608599E-2</v>
      </c>
      <c r="G247" s="198">
        <v>0.68614819488665646</v>
      </c>
      <c r="H247" s="96">
        <v>5.5995076464298264E-2</v>
      </c>
      <c r="I247" s="198">
        <v>1.2131849450437857E-2</v>
      </c>
      <c r="J247" s="96">
        <v>1.6521251181114936E-2</v>
      </c>
      <c r="K247" s="48">
        <v>272</v>
      </c>
      <c r="L247" s="198">
        <v>0.18819293495320688</v>
      </c>
      <c r="M247" s="96">
        <v>4.7483637155959463E-2</v>
      </c>
      <c r="N247" s="198">
        <v>0.12021022627061083</v>
      </c>
      <c r="O247" s="96">
        <v>3.991118927286836E-2</v>
      </c>
      <c r="P247" s="198">
        <v>0.63568706138177422</v>
      </c>
      <c r="Q247" s="96">
        <v>5.8000350559625054E-2</v>
      </c>
      <c r="R247" s="198">
        <v>5.5909777394405086E-2</v>
      </c>
      <c r="S247" s="96">
        <v>2.9107213203611506E-2</v>
      </c>
      <c r="W247" s="249"/>
      <c r="X247" s="249"/>
      <c r="Y247" s="249"/>
      <c r="Z247" s="249"/>
      <c r="AA247" s="249"/>
      <c r="AB247" s="249"/>
      <c r="AC247" s="249"/>
      <c r="AD247" s="249"/>
      <c r="AE247" s="249"/>
      <c r="AF247" s="249"/>
      <c r="AG247" s="249"/>
      <c r="AH247" s="249"/>
      <c r="AI247" s="249"/>
      <c r="AJ247" s="249"/>
      <c r="AK247" s="249"/>
      <c r="AL247" s="249"/>
      <c r="AM247" s="249"/>
      <c r="AN247" s="249"/>
      <c r="AO247" s="249"/>
      <c r="AP247" s="249"/>
      <c r="AQ247" s="249"/>
      <c r="AR247" s="249"/>
      <c r="AS247" s="249"/>
    </row>
    <row r="248" spans="1:45">
      <c r="A248" s="44" t="s">
        <v>352</v>
      </c>
      <c r="B248" s="44">
        <v>121</v>
      </c>
      <c r="C248" s="197">
        <v>0.24164150008542237</v>
      </c>
      <c r="D248" s="93">
        <v>7.7450263318909418E-2</v>
      </c>
      <c r="E248" s="197">
        <v>0.11764875916669347</v>
      </c>
      <c r="F248" s="93">
        <v>6.013694923024266E-2</v>
      </c>
      <c r="G248" s="197">
        <v>0.62601883555339566</v>
      </c>
      <c r="H248" s="93">
        <v>8.6739953240187906E-2</v>
      </c>
      <c r="I248" s="197">
        <v>1.4690905194487451E-2</v>
      </c>
      <c r="J248" s="93">
        <v>3.0624173303372536E-2</v>
      </c>
      <c r="K248" s="199">
        <v>120</v>
      </c>
      <c r="L248" s="197">
        <v>0.18505373056004387</v>
      </c>
      <c r="M248" s="93">
        <v>7.1189220815083887E-2</v>
      </c>
      <c r="N248" s="197">
        <v>8.9114293606639666E-2</v>
      </c>
      <c r="O248" s="93">
        <v>5.4444208312605893E-2</v>
      </c>
      <c r="P248" s="197">
        <v>0.66477394171142801</v>
      </c>
      <c r="Q248" s="93">
        <v>8.5113385077068421E-2</v>
      </c>
      <c r="R248" s="197">
        <v>6.1058034121887789E-2</v>
      </c>
      <c r="S248" s="93">
        <v>4.7369442727619365E-2</v>
      </c>
      <c r="W248" s="249"/>
      <c r="X248" s="249"/>
      <c r="Y248" s="249"/>
      <c r="Z248" s="249"/>
      <c r="AA248" s="249"/>
      <c r="AB248" s="249"/>
      <c r="AC248" s="249"/>
      <c r="AD248" s="249"/>
      <c r="AE248" s="249"/>
      <c r="AF248" s="249"/>
      <c r="AG248" s="249"/>
      <c r="AH248" s="249"/>
      <c r="AI248" s="249"/>
      <c r="AJ248" s="249"/>
      <c r="AK248" s="249"/>
      <c r="AL248" s="249"/>
      <c r="AM248" s="249"/>
      <c r="AN248" s="249"/>
      <c r="AO248" s="249"/>
      <c r="AP248" s="249"/>
      <c r="AQ248" s="249"/>
      <c r="AR248" s="249"/>
      <c r="AS248" s="249"/>
    </row>
    <row r="249" spans="1:45">
      <c r="A249" s="48" t="s">
        <v>353</v>
      </c>
      <c r="B249" s="48">
        <v>116</v>
      </c>
      <c r="C249" s="198">
        <v>0.28267063231177852</v>
      </c>
      <c r="D249" s="96">
        <v>8.2838048722422952E-2</v>
      </c>
      <c r="E249" s="198">
        <v>9.0585288068068634E-2</v>
      </c>
      <c r="F249" s="96">
        <v>5.5787705489702577E-2</v>
      </c>
      <c r="G249" s="198">
        <v>0.62674407962015199</v>
      </c>
      <c r="H249" s="96">
        <v>8.8504053913119815E-2</v>
      </c>
      <c r="I249" s="198">
        <v>0</v>
      </c>
      <c r="J249" s="96">
        <v>2.3372982186625143E-2</v>
      </c>
      <c r="K249" s="48">
        <v>117</v>
      </c>
      <c r="L249" s="198">
        <v>0.28109366455090123</v>
      </c>
      <c r="M249" s="96">
        <v>8.236100973044691E-2</v>
      </c>
      <c r="N249" s="198">
        <v>0.18099297974691414</v>
      </c>
      <c r="O249" s="96">
        <v>7.1547615920514021E-2</v>
      </c>
      <c r="P249" s="198">
        <v>0.48927136674518928</v>
      </c>
      <c r="Q249" s="96">
        <v>9.0889521674531737E-2</v>
      </c>
      <c r="R249" s="198">
        <v>4.8641988956994002E-2</v>
      </c>
      <c r="S249" s="96">
        <v>4.4358669910522029E-2</v>
      </c>
      <c r="W249" s="249"/>
      <c r="X249" s="249"/>
      <c r="Y249" s="249"/>
      <c r="Z249" s="249"/>
      <c r="AA249" s="249"/>
      <c r="AB249" s="249"/>
      <c r="AC249" s="249"/>
      <c r="AD249" s="249"/>
      <c r="AE249" s="249"/>
      <c r="AF249" s="249"/>
      <c r="AG249" s="249"/>
      <c r="AH249" s="249"/>
      <c r="AI249" s="249"/>
      <c r="AJ249" s="249"/>
      <c r="AK249" s="249"/>
      <c r="AL249" s="249"/>
      <c r="AM249" s="249"/>
      <c r="AN249" s="249"/>
      <c r="AO249" s="249"/>
      <c r="AP249" s="249"/>
      <c r="AQ249" s="249"/>
      <c r="AR249" s="249"/>
      <c r="AS249" s="249"/>
    </row>
    <row r="250" spans="1:45">
      <c r="A250" s="44" t="s">
        <v>369</v>
      </c>
      <c r="B250" s="44">
        <v>425</v>
      </c>
      <c r="C250" s="197">
        <v>0.15053390262831379</v>
      </c>
      <c r="D250" s="93">
        <v>3.4834306121087628E-2</v>
      </c>
      <c r="E250" s="197">
        <v>8.3363246123754953E-2</v>
      </c>
      <c r="F250" s="93">
        <v>2.7249304456857144E-2</v>
      </c>
      <c r="G250" s="197">
        <v>0.76267741703884595</v>
      </c>
      <c r="H250" s="93">
        <v>4.1226112364199596E-2</v>
      </c>
      <c r="I250" s="197">
        <v>3.4254342090838858E-3</v>
      </c>
      <c r="J250" s="93">
        <v>8.6315996723239051E-3</v>
      </c>
      <c r="K250" s="199">
        <v>425</v>
      </c>
      <c r="L250" s="197">
        <v>0.17967222800389873</v>
      </c>
      <c r="M250" s="93">
        <v>3.7309849698000538E-2</v>
      </c>
      <c r="N250" s="197">
        <v>0.11321865005982538</v>
      </c>
      <c r="O250" s="93">
        <v>3.1016488832855352E-2</v>
      </c>
      <c r="P250" s="197">
        <v>0.66874028960512133</v>
      </c>
      <c r="Q250" s="93">
        <v>4.5502141104224236E-2</v>
      </c>
      <c r="R250" s="197">
        <v>3.8368832331154519E-2</v>
      </c>
      <c r="S250" s="93">
        <v>1.9516795326299276E-2</v>
      </c>
      <c r="W250" s="249"/>
      <c r="X250" s="249"/>
      <c r="Y250" s="249"/>
      <c r="Z250" s="249"/>
      <c r="AA250" s="249"/>
      <c r="AB250" s="249"/>
      <c r="AC250" s="249"/>
      <c r="AD250" s="249"/>
      <c r="AE250" s="249"/>
      <c r="AF250" s="249"/>
      <c r="AG250" s="249"/>
      <c r="AH250" s="249"/>
      <c r="AI250" s="249"/>
      <c r="AJ250" s="249"/>
      <c r="AK250" s="249"/>
      <c r="AL250" s="249"/>
      <c r="AM250" s="249"/>
      <c r="AN250" s="249"/>
      <c r="AO250" s="249"/>
      <c r="AP250" s="249"/>
      <c r="AQ250" s="249"/>
      <c r="AR250" s="249"/>
      <c r="AS250" s="249"/>
    </row>
    <row r="251" spans="1:45">
      <c r="A251" s="48" t="s">
        <v>354</v>
      </c>
      <c r="B251" s="48">
        <v>70</v>
      </c>
      <c r="C251" s="198">
        <v>0.36393705287438244</v>
      </c>
      <c r="D251" s="96">
        <v>0.11233016032534023</v>
      </c>
      <c r="E251" s="198">
        <v>0.14729924471650008</v>
      </c>
      <c r="F251" s="96">
        <v>8.658291444549078E-2</v>
      </c>
      <c r="G251" s="198">
        <v>0.48876370240911821</v>
      </c>
      <c r="H251" s="96">
        <v>0.11622136981797751</v>
      </c>
      <c r="I251" s="198">
        <v>0</v>
      </c>
      <c r="J251" s="96">
        <v>3.7701936889887336E-2</v>
      </c>
      <c r="K251" s="48">
        <v>70</v>
      </c>
      <c r="L251" s="198">
        <v>0.48938210833848617</v>
      </c>
      <c r="M251" s="96">
        <v>0.11622418202971808</v>
      </c>
      <c r="N251" s="198">
        <v>0.16152369679166526</v>
      </c>
      <c r="O251" s="96">
        <v>8.9286839299180812E-2</v>
      </c>
      <c r="P251" s="198">
        <v>0.34909419486984938</v>
      </c>
      <c r="Q251" s="96">
        <v>0.11140934959432715</v>
      </c>
      <c r="R251" s="198">
        <v>0</v>
      </c>
      <c r="S251" s="96">
        <v>3.7701936889887336E-2</v>
      </c>
      <c r="W251" s="249"/>
      <c r="X251" s="249"/>
      <c r="Y251" s="249"/>
      <c r="Z251" s="249"/>
      <c r="AA251" s="249"/>
      <c r="AB251" s="249"/>
      <c r="AC251" s="249"/>
      <c r="AD251" s="249"/>
      <c r="AE251" s="249"/>
      <c r="AF251" s="249"/>
      <c r="AG251" s="249"/>
      <c r="AH251" s="249"/>
      <c r="AI251" s="249"/>
      <c r="AJ251" s="249"/>
      <c r="AK251" s="249"/>
      <c r="AL251" s="249"/>
      <c r="AM251" s="249"/>
      <c r="AN251" s="249"/>
      <c r="AO251" s="249"/>
      <c r="AP251" s="249"/>
      <c r="AQ251" s="249"/>
      <c r="AR251" s="249"/>
      <c r="AS251" s="249"/>
    </row>
    <row r="252" spans="1:45">
      <c r="A252" s="44" t="s">
        <v>355</v>
      </c>
      <c r="B252" s="44">
        <v>75</v>
      </c>
      <c r="C252" s="197">
        <v>0.29264515763607124</v>
      </c>
      <c r="D252" s="93">
        <v>0.10342190087114209</v>
      </c>
      <c r="E252" s="197">
        <v>0.1057562306304025</v>
      </c>
      <c r="F252" s="93">
        <v>7.4600349514029926E-2</v>
      </c>
      <c r="G252" s="197">
        <v>0.58185931030339721</v>
      </c>
      <c r="H252" s="93">
        <v>0.11114147695833372</v>
      </c>
      <c r="I252" s="197">
        <v>1.9739301430129516E-2</v>
      </c>
      <c r="J252" s="93">
        <v>4.6178158769408131E-2</v>
      </c>
      <c r="K252" s="199">
        <v>76</v>
      </c>
      <c r="L252" s="197">
        <v>0.22847507731821914</v>
      </c>
      <c r="M252" s="93">
        <v>9.5776427232199021E-2</v>
      </c>
      <c r="N252" s="197">
        <v>8.9997300463234661E-2</v>
      </c>
      <c r="O252" s="93">
        <v>7.0102693315321291E-2</v>
      </c>
      <c r="P252" s="197">
        <v>0.63064608483788531</v>
      </c>
      <c r="Q252" s="93">
        <v>0.1083041479967804</v>
      </c>
      <c r="R252" s="197">
        <v>5.0881537380660966E-2</v>
      </c>
      <c r="S252" s="93">
        <v>5.8291970886792513E-2</v>
      </c>
      <c r="W252" s="249"/>
      <c r="X252" s="249"/>
      <c r="Y252" s="249"/>
      <c r="Z252" s="249"/>
      <c r="AA252" s="249"/>
      <c r="AB252" s="249"/>
      <c r="AC252" s="249"/>
      <c r="AD252" s="249"/>
      <c r="AE252" s="249"/>
      <c r="AF252" s="249"/>
      <c r="AG252" s="249"/>
      <c r="AH252" s="249"/>
      <c r="AI252" s="249"/>
      <c r="AJ252" s="249"/>
      <c r="AK252" s="249"/>
      <c r="AL252" s="249"/>
      <c r="AM252" s="249"/>
      <c r="AN252" s="249"/>
      <c r="AO252" s="249"/>
      <c r="AP252" s="249"/>
      <c r="AQ252" s="249"/>
      <c r="AR252" s="249"/>
      <c r="AS252" s="249"/>
    </row>
    <row r="253" spans="1:45">
      <c r="A253" s="48" t="s">
        <v>356</v>
      </c>
      <c r="B253" s="48">
        <v>67</v>
      </c>
      <c r="C253" s="198">
        <v>6.1305606728842749E-2</v>
      </c>
      <c r="D253" s="96">
        <v>6.6553466197486089E-2</v>
      </c>
      <c r="E253" s="198">
        <v>7.3884743040000533E-2</v>
      </c>
      <c r="F253" s="96">
        <v>7.0534595338751088E-2</v>
      </c>
      <c r="G253" s="198">
        <v>0.86480965023115663</v>
      </c>
      <c r="H253" s="96">
        <v>8.606814272641003E-2</v>
      </c>
      <c r="I253" s="198">
        <v>0</v>
      </c>
      <c r="J253" s="96">
        <v>3.9271909274046654E-2</v>
      </c>
      <c r="K253" s="48">
        <v>67</v>
      </c>
      <c r="L253" s="198">
        <v>8.4632585226007501E-2</v>
      </c>
      <c r="M253" s="96">
        <v>7.3680817112460911E-2</v>
      </c>
      <c r="N253" s="198">
        <v>6.223288941704256E-2</v>
      </c>
      <c r="O253" s="96">
        <v>6.6859086958362998E-2</v>
      </c>
      <c r="P253" s="198">
        <v>0.85313452535694967</v>
      </c>
      <c r="Q253" s="96">
        <v>8.8477371654021711E-2</v>
      </c>
      <c r="R253" s="198">
        <v>0</v>
      </c>
      <c r="S253" s="96">
        <v>3.9271909274046654E-2</v>
      </c>
      <c r="W253" s="249"/>
      <c r="X253" s="249"/>
      <c r="Y253" s="249"/>
      <c r="Z253" s="249"/>
      <c r="AA253" s="249"/>
      <c r="AB253" s="249"/>
      <c r="AC253" s="249"/>
      <c r="AD253" s="249"/>
      <c r="AE253" s="249"/>
      <c r="AF253" s="249"/>
      <c r="AG253" s="249"/>
      <c r="AH253" s="249"/>
      <c r="AI253" s="249"/>
      <c r="AJ253" s="249"/>
      <c r="AK253" s="249"/>
      <c r="AL253" s="249"/>
      <c r="AM253" s="249"/>
      <c r="AN253" s="249"/>
      <c r="AO253" s="249"/>
      <c r="AP253" s="249"/>
      <c r="AQ253" s="249"/>
      <c r="AR253" s="249"/>
      <c r="AS253" s="249"/>
    </row>
    <row r="254" spans="1:45">
      <c r="A254" s="44" t="s">
        <v>357</v>
      </c>
      <c r="B254" s="44">
        <v>54</v>
      </c>
      <c r="C254" s="197">
        <v>3.2536433864576282E-2</v>
      </c>
      <c r="D254" s="93">
        <v>6.4636629382737121E-2</v>
      </c>
      <c r="E254" s="197">
        <v>8.4519502847241815E-2</v>
      </c>
      <c r="F254" s="93">
        <v>8.3196952679660596E-2</v>
      </c>
      <c r="G254" s="197">
        <v>0.88294406328818187</v>
      </c>
      <c r="H254" s="93">
        <v>9.2058233313047438E-2</v>
      </c>
      <c r="I254" s="197">
        <v>0</v>
      </c>
      <c r="J254" s="93">
        <v>4.7917816122734561E-2</v>
      </c>
      <c r="K254" s="199">
        <v>53</v>
      </c>
      <c r="L254" s="197">
        <v>0.11066307577638419</v>
      </c>
      <c r="M254" s="93">
        <v>9.1362057683973569E-2</v>
      </c>
      <c r="N254" s="197">
        <v>0.12851970034236485</v>
      </c>
      <c r="O254" s="93">
        <v>9.5766855431736825E-2</v>
      </c>
      <c r="P254" s="197">
        <v>0.65441892949204217</v>
      </c>
      <c r="Q254" s="93">
        <v>0.12687445427399704</v>
      </c>
      <c r="R254" s="197">
        <v>0.10639829438920879</v>
      </c>
      <c r="S254" s="93">
        <v>9.0246543114937544E-2</v>
      </c>
      <c r="W254" s="249"/>
      <c r="X254" s="249"/>
      <c r="Y254" s="249"/>
      <c r="Z254" s="249"/>
      <c r="AA254" s="249"/>
      <c r="AB254" s="249"/>
      <c r="AC254" s="249"/>
      <c r="AD254" s="249"/>
      <c r="AE254" s="249"/>
      <c r="AF254" s="249"/>
      <c r="AG254" s="249"/>
      <c r="AH254" s="249"/>
      <c r="AI254" s="249"/>
      <c r="AJ254" s="249"/>
      <c r="AK254" s="249"/>
      <c r="AL254" s="249"/>
      <c r="AM254" s="249"/>
      <c r="AN254" s="249"/>
      <c r="AO254" s="249"/>
      <c r="AP254" s="249"/>
      <c r="AQ254" s="249"/>
      <c r="AR254" s="249"/>
      <c r="AS254" s="249"/>
    </row>
    <row r="255" spans="1:45">
      <c r="A255" s="48" t="s">
        <v>358</v>
      </c>
      <c r="B255" s="48">
        <v>97</v>
      </c>
      <c r="C255" s="198">
        <v>0.38475690024540582</v>
      </c>
      <c r="D255" s="96">
        <v>9.7035291178380015E-2</v>
      </c>
      <c r="E255" s="198">
        <v>4.7878266751682899E-2</v>
      </c>
      <c r="F255" s="96">
        <v>4.9334796048975588E-2</v>
      </c>
      <c r="G255" s="198">
        <v>0.52893040375272016</v>
      </c>
      <c r="H255" s="96">
        <v>9.9349969179217137E-2</v>
      </c>
      <c r="I255" s="198">
        <v>3.8434429250190846E-2</v>
      </c>
      <c r="J255" s="96">
        <v>4.6029584651851925E-2</v>
      </c>
      <c r="K255" s="48">
        <v>98</v>
      </c>
      <c r="L255" s="198">
        <v>0.42903466515743632</v>
      </c>
      <c r="M255" s="96">
        <v>9.8089827376182923E-2</v>
      </c>
      <c r="N255" s="198">
        <v>0.17784494744936941</v>
      </c>
      <c r="O255" s="96">
        <v>7.7761936348622995E-2</v>
      </c>
      <c r="P255" s="198">
        <v>0.3322443360243606</v>
      </c>
      <c r="Q255" s="96">
        <v>9.3729266212491238E-2</v>
      </c>
      <c r="R255" s="198">
        <v>6.0876051368833492E-2</v>
      </c>
      <c r="S255" s="96">
        <v>5.313597787710797E-2</v>
      </c>
      <c r="W255" s="249"/>
      <c r="X255" s="249"/>
      <c r="Y255" s="249"/>
      <c r="Z255" s="249"/>
      <c r="AA255" s="249"/>
      <c r="AB255" s="249"/>
      <c r="AC255" s="249"/>
      <c r="AD255" s="249"/>
      <c r="AE255" s="249"/>
      <c r="AF255" s="249"/>
      <c r="AG255" s="249"/>
      <c r="AH255" s="249"/>
      <c r="AI255" s="249"/>
      <c r="AJ255" s="249"/>
      <c r="AK255" s="249"/>
      <c r="AL255" s="249"/>
      <c r="AM255" s="249"/>
      <c r="AN255" s="249"/>
      <c r="AO255" s="249"/>
      <c r="AP255" s="249"/>
      <c r="AQ255" s="249"/>
      <c r="AR255" s="249"/>
      <c r="AS255" s="249"/>
    </row>
    <row r="256" spans="1:45">
      <c r="A256" s="44" t="s">
        <v>359</v>
      </c>
      <c r="B256" s="44">
        <v>115</v>
      </c>
      <c r="C256" s="197">
        <v>6.337662625675107E-2</v>
      </c>
      <c r="D256" s="93">
        <v>4.9181797817328593E-2</v>
      </c>
      <c r="E256" s="197">
        <v>5.6050935227478747E-2</v>
      </c>
      <c r="F256" s="93">
        <v>4.7078101381240793E-2</v>
      </c>
      <c r="G256" s="197">
        <v>0.87996015087144985</v>
      </c>
      <c r="H256" s="93">
        <v>6.2220181759059065E-2</v>
      </c>
      <c r="I256" s="197">
        <v>6.1228764432025838E-4</v>
      </c>
      <c r="J256" s="93">
        <v>2.3971778853178156E-2</v>
      </c>
      <c r="K256" s="199">
        <v>115</v>
      </c>
      <c r="L256" s="197">
        <v>7.5767337429659368E-2</v>
      </c>
      <c r="M256" s="93">
        <v>5.247563709147373E-2</v>
      </c>
      <c r="N256" s="197">
        <v>9.6119545609518242E-2</v>
      </c>
      <c r="O256" s="93">
        <v>5.7295427060815175E-2</v>
      </c>
      <c r="P256" s="197">
        <v>0.78770526841903721</v>
      </c>
      <c r="Q256" s="93">
        <v>7.6190123775876847E-2</v>
      </c>
      <c r="R256" s="197">
        <v>4.0407848541785134E-2</v>
      </c>
      <c r="S256" s="93">
        <v>4.2102873318809013E-2</v>
      </c>
      <c r="W256" s="249"/>
      <c r="X256" s="249"/>
      <c r="Y256" s="249"/>
      <c r="Z256" s="249"/>
      <c r="AA256" s="249"/>
      <c r="AB256" s="249"/>
      <c r="AC256" s="249"/>
      <c r="AD256" s="249"/>
      <c r="AE256" s="249"/>
      <c r="AF256" s="249"/>
      <c r="AG256" s="249"/>
      <c r="AH256" s="249"/>
      <c r="AI256" s="249"/>
      <c r="AJ256" s="249"/>
      <c r="AK256" s="249"/>
      <c r="AL256" s="249"/>
      <c r="AM256" s="249"/>
      <c r="AN256" s="249"/>
      <c r="AO256" s="249"/>
      <c r="AP256" s="249"/>
      <c r="AQ256" s="249"/>
      <c r="AR256" s="249"/>
      <c r="AS256" s="249"/>
    </row>
    <row r="257" spans="1:45">
      <c r="A257" s="48" t="s">
        <v>371</v>
      </c>
      <c r="B257" s="48">
        <v>180</v>
      </c>
      <c r="C257" s="198">
        <v>0.14092923408177679</v>
      </c>
      <c r="D257" s="96">
        <v>5.2463855940669157E-2</v>
      </c>
      <c r="E257" s="198">
        <v>0.10378684557186453</v>
      </c>
      <c r="F257" s="96">
        <v>4.6570744612325687E-2</v>
      </c>
      <c r="G257" s="198">
        <v>0.75116133589606582</v>
      </c>
      <c r="H257" s="96">
        <v>6.4205997926819136E-2</v>
      </c>
      <c r="I257" s="198">
        <v>4.1225844502935736E-3</v>
      </c>
      <c r="J257" s="96">
        <v>1.7864491692506392E-2</v>
      </c>
      <c r="K257" s="48">
        <v>182</v>
      </c>
      <c r="L257" s="198">
        <v>0.2108063523023179</v>
      </c>
      <c r="M257" s="96">
        <v>6.0450899344497329E-2</v>
      </c>
      <c r="N257" s="198">
        <v>0.15076455879723077</v>
      </c>
      <c r="O257" s="96">
        <v>5.352600077194692E-2</v>
      </c>
      <c r="P257" s="198">
        <v>0.57873318669408924</v>
      </c>
      <c r="Q257" s="96">
        <v>7.2447955130125558E-2</v>
      </c>
      <c r="R257" s="198">
        <v>5.9695902206363005E-2</v>
      </c>
      <c r="S257" s="96">
        <v>3.7209386298155421E-2</v>
      </c>
      <c r="W257" s="249"/>
      <c r="X257" s="249"/>
      <c r="Y257" s="249"/>
      <c r="Z257" s="249"/>
      <c r="AA257" s="249"/>
      <c r="AB257" s="249"/>
      <c r="AC257" s="249"/>
      <c r="AD257" s="249"/>
      <c r="AE257" s="249"/>
      <c r="AF257" s="249"/>
      <c r="AG257" s="249"/>
      <c r="AH257" s="249"/>
      <c r="AI257" s="249"/>
      <c r="AJ257" s="249"/>
      <c r="AK257" s="249"/>
      <c r="AL257" s="249"/>
      <c r="AM257" s="249"/>
      <c r="AN257" s="249"/>
      <c r="AO257" s="249"/>
      <c r="AP257" s="249"/>
      <c r="AQ257" s="249"/>
      <c r="AR257" s="249"/>
      <c r="AS257" s="249"/>
    </row>
    <row r="258" spans="1:45">
      <c r="A258" s="44" t="s">
        <v>360</v>
      </c>
      <c r="B258" s="44">
        <v>102</v>
      </c>
      <c r="C258" s="197">
        <v>0.12526729461917907</v>
      </c>
      <c r="D258" s="93">
        <v>6.7285233105320044E-2</v>
      </c>
      <c r="E258" s="197">
        <v>8.5339938907847135E-2</v>
      </c>
      <c r="F258" s="93">
        <v>5.8532047526671974E-2</v>
      </c>
      <c r="G258" s="197">
        <v>0.78939276647297385</v>
      </c>
      <c r="H258" s="93">
        <v>8.0670114791656866E-2</v>
      </c>
      <c r="I258" s="197">
        <v>0</v>
      </c>
      <c r="J258" s="93">
        <v>2.6430347017829241E-2</v>
      </c>
      <c r="K258" s="199">
        <v>103</v>
      </c>
      <c r="L258" s="197">
        <v>0.25867585042446772</v>
      </c>
      <c r="M258" s="93">
        <v>8.5606240941721271E-2</v>
      </c>
      <c r="N258" s="197">
        <v>0.13770232692838483</v>
      </c>
      <c r="O258" s="93">
        <v>6.9274143925460774E-2</v>
      </c>
      <c r="P258" s="197">
        <v>0.57489420202122787</v>
      </c>
      <c r="Q258" s="93">
        <v>9.566342767086046E-2</v>
      </c>
      <c r="R258" s="197">
        <v>2.8727620625919794E-2</v>
      </c>
      <c r="S258" s="93">
        <v>4.0647743540937004E-2</v>
      </c>
      <c r="W258" s="249"/>
      <c r="X258" s="249"/>
      <c r="Y258" s="249"/>
      <c r="Z258" s="249"/>
      <c r="AA258" s="249"/>
      <c r="AB258" s="249"/>
      <c r="AC258" s="249"/>
      <c r="AD258" s="249"/>
      <c r="AE258" s="249"/>
      <c r="AF258" s="249"/>
      <c r="AG258" s="249"/>
      <c r="AH258" s="249"/>
      <c r="AI258" s="249"/>
      <c r="AJ258" s="249"/>
      <c r="AK258" s="249"/>
      <c r="AL258" s="249"/>
      <c r="AM258" s="249"/>
      <c r="AN258" s="249"/>
      <c r="AO258" s="249"/>
      <c r="AP258" s="249"/>
      <c r="AQ258" s="249"/>
      <c r="AR258" s="249"/>
      <c r="AS258" s="249"/>
    </row>
    <row r="259" spans="1:45">
      <c r="A259" s="48" t="s">
        <v>370</v>
      </c>
      <c r="B259" s="48">
        <v>287</v>
      </c>
      <c r="C259" s="198">
        <v>0.31121857653744062</v>
      </c>
      <c r="D259" s="96">
        <v>5.4405198737523815E-2</v>
      </c>
      <c r="E259" s="198">
        <v>0.10386035614600551</v>
      </c>
      <c r="F259" s="96">
        <v>3.658213297872228E-2</v>
      </c>
      <c r="G259" s="198">
        <v>0.56659046863870988</v>
      </c>
      <c r="H259" s="96">
        <v>5.8113146722046566E-2</v>
      </c>
      <c r="I259" s="198">
        <v>1.8330598677843354E-2</v>
      </c>
      <c r="J259" s="96">
        <v>1.8287098477238795E-2</v>
      </c>
      <c r="K259" s="48">
        <v>291</v>
      </c>
      <c r="L259" s="198">
        <v>0.30603612802777042</v>
      </c>
      <c r="M259" s="96">
        <v>5.3790725248672122E-2</v>
      </c>
      <c r="N259" s="198">
        <v>0.14646934454862381</v>
      </c>
      <c r="O259" s="96">
        <v>4.1722650234889268E-2</v>
      </c>
      <c r="P259" s="198">
        <v>0.47325868534655752</v>
      </c>
      <c r="Q259" s="96">
        <v>5.8141168133164299E-2</v>
      </c>
      <c r="R259" s="198">
        <v>7.423584207704774E-2</v>
      </c>
      <c r="S259" s="96">
        <v>3.1592208621223923E-2</v>
      </c>
      <c r="W259" s="249"/>
      <c r="X259" s="249"/>
      <c r="Y259" s="249"/>
      <c r="Z259" s="249"/>
      <c r="AA259" s="249"/>
      <c r="AB259" s="249"/>
      <c r="AC259" s="249"/>
      <c r="AD259" s="249"/>
      <c r="AE259" s="249"/>
      <c r="AF259" s="249"/>
      <c r="AG259" s="249"/>
      <c r="AH259" s="249"/>
      <c r="AI259" s="249"/>
      <c r="AJ259" s="249"/>
      <c r="AK259" s="249"/>
      <c r="AL259" s="249"/>
      <c r="AM259" s="249"/>
      <c r="AN259" s="249"/>
      <c r="AO259" s="249"/>
      <c r="AP259" s="249"/>
      <c r="AQ259" s="249"/>
      <c r="AR259" s="249"/>
      <c r="AS259" s="249"/>
    </row>
    <row r="260" spans="1:45">
      <c r="A260" s="44" t="s">
        <v>361</v>
      </c>
      <c r="B260" s="44">
        <v>125</v>
      </c>
      <c r="C260" s="197">
        <v>0.31964186063365513</v>
      </c>
      <c r="D260" s="93">
        <v>8.2491619767482288E-2</v>
      </c>
      <c r="E260" s="197">
        <v>6.5740679076139369E-2</v>
      </c>
      <c r="F260" s="93">
        <v>4.7554939447523849E-2</v>
      </c>
      <c r="G260" s="197">
        <v>0.61461746029020514</v>
      </c>
      <c r="H260" s="93">
        <v>8.584552818962371E-2</v>
      </c>
      <c r="I260" s="197">
        <v>0</v>
      </c>
      <c r="J260" s="93">
        <v>2.1755160342254897E-2</v>
      </c>
      <c r="K260" s="199">
        <v>126</v>
      </c>
      <c r="L260" s="197">
        <v>0.25575759046230517</v>
      </c>
      <c r="M260" s="93">
        <v>7.7252872507193426E-2</v>
      </c>
      <c r="N260" s="197">
        <v>9.9976651893903382E-2</v>
      </c>
      <c r="O260" s="93">
        <v>5.5380398454183112E-2</v>
      </c>
      <c r="P260" s="197">
        <v>0.59520403438161262</v>
      </c>
      <c r="Q260" s="93">
        <v>8.6199301001505177E-2</v>
      </c>
      <c r="R260" s="197">
        <v>4.9061723262178204E-2</v>
      </c>
      <c r="S260" s="93">
        <v>4.2598560112355806E-2</v>
      </c>
      <c r="W260" s="249"/>
      <c r="X260" s="249"/>
      <c r="Y260" s="249"/>
      <c r="Z260" s="249"/>
      <c r="AA260" s="249"/>
      <c r="AB260" s="249"/>
      <c r="AC260" s="249"/>
      <c r="AD260" s="249"/>
      <c r="AE260" s="249"/>
      <c r="AF260" s="249"/>
      <c r="AG260" s="249"/>
      <c r="AH260" s="249"/>
      <c r="AI260" s="249"/>
      <c r="AJ260" s="249"/>
      <c r="AK260" s="249"/>
      <c r="AL260" s="249"/>
      <c r="AM260" s="249"/>
      <c r="AN260" s="249"/>
      <c r="AO260" s="249"/>
      <c r="AP260" s="249"/>
      <c r="AQ260" s="249"/>
      <c r="AR260" s="249"/>
      <c r="AS260" s="249"/>
    </row>
    <row r="261" spans="1:45">
      <c r="A261" s="48" t="s">
        <v>375</v>
      </c>
      <c r="B261" s="48">
        <v>109</v>
      </c>
      <c r="C261" s="198">
        <v>0.26805108513728471</v>
      </c>
      <c r="D261" s="96">
        <v>8.412825396110675E-2</v>
      </c>
      <c r="E261" s="198">
        <v>0.16458119058870754</v>
      </c>
      <c r="F261" s="96">
        <v>7.17217483367453E-2</v>
      </c>
      <c r="G261" s="198">
        <v>0.54344927523544628</v>
      </c>
      <c r="H261" s="96">
        <v>9.3741019120680738E-2</v>
      </c>
      <c r="I261" s="198">
        <v>2.3918449038561308E-2</v>
      </c>
      <c r="J261" s="96">
        <v>3.720720625711945E-2</v>
      </c>
      <c r="K261" s="48">
        <v>111</v>
      </c>
      <c r="L261" s="198">
        <v>0.30406447040976248</v>
      </c>
      <c r="M261" s="96">
        <v>8.6322646852814489E-2</v>
      </c>
      <c r="N261" s="198">
        <v>0.1911323385548104</v>
      </c>
      <c r="O261" s="96">
        <v>7.4861453297184619E-2</v>
      </c>
      <c r="P261" s="198">
        <v>0.4084961877843955</v>
      </c>
      <c r="Q261" s="96">
        <v>9.1784130186724613E-2</v>
      </c>
      <c r="R261" s="198">
        <v>9.6307003251031351E-2</v>
      </c>
      <c r="S261" s="96">
        <v>5.8435161423623379E-2</v>
      </c>
      <c r="W261" s="249"/>
      <c r="X261" s="249"/>
      <c r="Y261" s="249"/>
      <c r="Z261" s="249"/>
      <c r="AA261" s="249"/>
      <c r="AB261" s="249"/>
      <c r="AC261" s="249"/>
      <c r="AD261" s="249"/>
      <c r="AE261" s="249"/>
      <c r="AF261" s="249"/>
      <c r="AG261" s="249"/>
      <c r="AH261" s="249"/>
      <c r="AI261" s="249"/>
      <c r="AJ261" s="249"/>
      <c r="AK261" s="249"/>
      <c r="AL261" s="249"/>
      <c r="AM261" s="249"/>
      <c r="AN261" s="249"/>
      <c r="AO261" s="249"/>
      <c r="AP261" s="249"/>
      <c r="AQ261" s="249"/>
      <c r="AR261" s="249"/>
      <c r="AS261" s="249"/>
    </row>
    <row r="262" spans="1:45">
      <c r="A262" s="44" t="s">
        <v>358</v>
      </c>
      <c r="B262" s="44">
        <v>97</v>
      </c>
      <c r="C262" s="197">
        <v>0.38475690024540582</v>
      </c>
      <c r="D262" s="93">
        <v>9.7035291178380015E-2</v>
      </c>
      <c r="E262" s="197">
        <v>4.7878266751682899E-2</v>
      </c>
      <c r="F262" s="93">
        <v>4.9334796048975588E-2</v>
      </c>
      <c r="G262" s="197">
        <v>0.52893040375272016</v>
      </c>
      <c r="H262" s="93">
        <v>9.9349969179217137E-2</v>
      </c>
      <c r="I262" s="197">
        <v>3.8434429250190846E-2</v>
      </c>
      <c r="J262" s="93">
        <v>4.6029584651851925E-2</v>
      </c>
      <c r="K262" s="199">
        <v>98</v>
      </c>
      <c r="L262" s="197">
        <v>0.42903466515743632</v>
      </c>
      <c r="M262" s="93">
        <v>9.8089827376182923E-2</v>
      </c>
      <c r="N262" s="197">
        <v>0.17784494744936941</v>
      </c>
      <c r="O262" s="93">
        <v>7.7761936348622995E-2</v>
      </c>
      <c r="P262" s="197">
        <v>0.3322443360243606</v>
      </c>
      <c r="Q262" s="93">
        <v>9.3729266212491238E-2</v>
      </c>
      <c r="R262" s="197">
        <v>6.0876051368833492E-2</v>
      </c>
      <c r="S262" s="93">
        <v>5.313597787710797E-2</v>
      </c>
      <c r="W262" s="249"/>
      <c r="X262" s="249"/>
      <c r="Y262" s="249"/>
      <c r="Z262" s="249"/>
      <c r="AA262" s="249"/>
      <c r="AB262" s="249"/>
      <c r="AC262" s="249"/>
      <c r="AD262" s="249"/>
      <c r="AE262" s="249"/>
      <c r="AF262" s="249"/>
      <c r="AG262" s="249"/>
      <c r="AH262" s="249"/>
      <c r="AI262" s="249"/>
      <c r="AJ262" s="249"/>
      <c r="AK262" s="249"/>
      <c r="AL262" s="249"/>
      <c r="AM262" s="249"/>
      <c r="AN262" s="249"/>
      <c r="AO262" s="249"/>
      <c r="AP262" s="249"/>
      <c r="AQ262" s="249"/>
      <c r="AR262" s="249"/>
      <c r="AS262" s="249"/>
    </row>
    <row r="263" spans="1:45">
      <c r="P263" s="249"/>
      <c r="Q263" s="249"/>
      <c r="R263" s="249"/>
      <c r="S263" s="249"/>
      <c r="T263" s="249"/>
      <c r="U263" s="249"/>
      <c r="V263" s="249"/>
      <c r="W263" s="249"/>
      <c r="X263" s="249"/>
      <c r="Y263" s="249"/>
      <c r="Z263" s="249"/>
      <c r="AA263" s="249"/>
      <c r="AB263" s="249"/>
      <c r="AC263" s="249"/>
      <c r="AD263" s="249"/>
      <c r="AE263" s="249"/>
      <c r="AF263" s="249"/>
      <c r="AG263" s="249"/>
      <c r="AH263" s="249"/>
      <c r="AI263" s="249"/>
      <c r="AJ263" s="249"/>
      <c r="AK263" s="249"/>
      <c r="AL263" s="249"/>
      <c r="AM263" s="249"/>
      <c r="AN263" s="249"/>
      <c r="AO263" s="249"/>
      <c r="AP263" s="249"/>
      <c r="AQ263" s="249"/>
      <c r="AR263" s="249"/>
      <c r="AS263" s="249"/>
    </row>
    <row r="264" spans="1:45" ht="18.75">
      <c r="A264" s="419" t="s">
        <v>364</v>
      </c>
      <c r="B264" s="419"/>
      <c r="C264" s="419"/>
      <c r="D264" s="419"/>
    </row>
    <row r="265" spans="1:45" ht="61.5" customHeight="1">
      <c r="A265" s="418" t="s">
        <v>614</v>
      </c>
      <c r="B265" s="418"/>
      <c r="C265" s="418"/>
      <c r="D265" s="418"/>
    </row>
    <row r="266" spans="1:45" ht="36" customHeight="1">
      <c r="A266" s="392" t="s">
        <v>241</v>
      </c>
      <c r="B266" s="392"/>
      <c r="C266" s="392"/>
      <c r="D266" s="392"/>
    </row>
    <row r="267" spans="1:45" ht="40.5" customHeight="1">
      <c r="A267" s="36" t="s">
        <v>70</v>
      </c>
      <c r="B267" s="37" t="s">
        <v>71</v>
      </c>
      <c r="C267" s="38" t="s">
        <v>594</v>
      </c>
      <c r="D267" s="39" t="s">
        <v>72</v>
      </c>
    </row>
    <row r="268" spans="1:45" ht="72">
      <c r="A268" s="40"/>
      <c r="B268" s="41" t="s">
        <v>73</v>
      </c>
      <c r="C268" s="127" t="s">
        <v>242</v>
      </c>
      <c r="D268" s="43" t="s">
        <v>75</v>
      </c>
    </row>
    <row r="269" spans="1:45">
      <c r="A269" s="44" t="s">
        <v>349</v>
      </c>
      <c r="B269" s="205">
        <v>13336</v>
      </c>
      <c r="C269" s="206">
        <v>5.0078707272273473</v>
      </c>
      <c r="D269" s="207">
        <v>3.0424742860847169E-2</v>
      </c>
    </row>
    <row r="270" spans="1:45">
      <c r="A270" s="48" t="s">
        <v>350</v>
      </c>
      <c r="B270" s="48">
        <v>9776</v>
      </c>
      <c r="C270" s="209">
        <v>4.6624899340711865</v>
      </c>
      <c r="D270" s="210">
        <v>3.6540269743475663E-2</v>
      </c>
    </row>
    <row r="271" spans="1:45">
      <c r="A271" s="44" t="s">
        <v>351</v>
      </c>
      <c r="B271" s="52">
        <v>3560</v>
      </c>
      <c r="C271" s="206">
        <v>5.2895581924058508</v>
      </c>
      <c r="D271" s="207">
        <v>4.7369388098030055E-2</v>
      </c>
    </row>
    <row r="272" spans="1:45">
      <c r="A272" s="48" t="s">
        <v>558</v>
      </c>
      <c r="B272" s="48">
        <v>325</v>
      </c>
      <c r="C272" s="209">
        <v>5.2347746610549954</v>
      </c>
      <c r="D272" s="210">
        <v>0.1549589854374343</v>
      </c>
    </row>
    <row r="273" spans="1:4">
      <c r="A273" s="44" t="s">
        <v>559</v>
      </c>
      <c r="B273" s="52">
        <v>3478</v>
      </c>
      <c r="C273" s="206">
        <v>4.9274704429908169</v>
      </c>
      <c r="D273" s="207">
        <v>6.1272854728200932E-2</v>
      </c>
    </row>
    <row r="274" spans="1:4">
      <c r="A274" s="48" t="s">
        <v>560</v>
      </c>
      <c r="B274" s="48">
        <v>2856</v>
      </c>
      <c r="C274" s="209">
        <v>4.4993081321804844</v>
      </c>
      <c r="D274" s="210">
        <v>6.7998725877500429E-2</v>
      </c>
    </row>
    <row r="275" spans="1:4">
      <c r="A275" s="44" t="s">
        <v>368</v>
      </c>
      <c r="B275" s="52">
        <v>154</v>
      </c>
      <c r="C275" s="206">
        <v>5.0056821296239882</v>
      </c>
      <c r="D275" s="207">
        <v>0.26699777895810778</v>
      </c>
    </row>
    <row r="276" spans="1:4">
      <c r="A276" s="48" t="s">
        <v>150</v>
      </c>
      <c r="B276" s="48">
        <v>263</v>
      </c>
      <c r="C276" s="209">
        <v>4.3461575524088962</v>
      </c>
      <c r="D276" s="210">
        <v>0.23272429848103571</v>
      </c>
    </row>
    <row r="277" spans="1:4">
      <c r="A277" s="44" t="s">
        <v>352</v>
      </c>
      <c r="B277" s="52">
        <v>116</v>
      </c>
      <c r="C277" s="206">
        <v>3.8378820628157198</v>
      </c>
      <c r="D277" s="207">
        <v>0.32799506521935823</v>
      </c>
    </row>
    <row r="278" spans="1:4">
      <c r="A278" s="48" t="s">
        <v>353</v>
      </c>
      <c r="B278" s="48">
        <v>113</v>
      </c>
      <c r="C278" s="209">
        <v>4.2684778856324206</v>
      </c>
      <c r="D278" s="210">
        <v>0.35729913421856607</v>
      </c>
    </row>
    <row r="279" spans="1:4">
      <c r="A279" s="44" t="s">
        <v>369</v>
      </c>
      <c r="B279" s="205">
        <v>409</v>
      </c>
      <c r="C279" s="206">
        <v>4.4756768342383664</v>
      </c>
      <c r="D279" s="207">
        <v>0.168061496605004</v>
      </c>
    </row>
    <row r="280" spans="1:4">
      <c r="A280" s="48" t="s">
        <v>354</v>
      </c>
      <c r="B280" s="208">
        <v>70</v>
      </c>
      <c r="C280" s="209">
        <v>4.1717872881789972</v>
      </c>
      <c r="D280" s="210">
        <v>0.4656103988081246</v>
      </c>
    </row>
    <row r="281" spans="1:4">
      <c r="A281" s="44" t="s">
        <v>355</v>
      </c>
      <c r="B281" s="82">
        <v>71</v>
      </c>
      <c r="C281" s="206">
        <v>4.5485584286688274</v>
      </c>
      <c r="D281" s="207">
        <v>0.42316062634811741</v>
      </c>
    </row>
    <row r="282" spans="1:4">
      <c r="A282" s="48" t="s">
        <v>356</v>
      </c>
      <c r="B282" s="208">
        <v>64</v>
      </c>
      <c r="C282" s="209">
        <v>4.4198370819474775</v>
      </c>
      <c r="D282" s="210">
        <v>0.37232937926876886</v>
      </c>
    </row>
    <row r="283" spans="1:4">
      <c r="A283" s="56" t="s">
        <v>357</v>
      </c>
      <c r="B283" s="205">
        <v>51</v>
      </c>
      <c r="C283" s="206">
        <v>4.7826814468571666</v>
      </c>
      <c r="D283" s="207">
        <v>0.41927200780889612</v>
      </c>
    </row>
    <row r="284" spans="1:4">
      <c r="A284" s="48" t="s">
        <v>358</v>
      </c>
      <c r="B284" s="208">
        <v>97</v>
      </c>
      <c r="C284" s="209">
        <v>3.8722943948970467</v>
      </c>
      <c r="D284" s="210">
        <v>0.34822709651178985</v>
      </c>
    </row>
    <row r="285" spans="1:4">
      <c r="A285" s="56" t="s">
        <v>359</v>
      </c>
      <c r="B285" s="205">
        <v>110</v>
      </c>
      <c r="C285" s="206">
        <v>4.5044023401355435</v>
      </c>
      <c r="D285" s="207">
        <v>0.31157872373484824</v>
      </c>
    </row>
    <row r="286" spans="1:4">
      <c r="A286" s="48" t="s">
        <v>371</v>
      </c>
      <c r="B286" s="208">
        <v>180</v>
      </c>
      <c r="C286" s="209">
        <v>4.0383491835367513</v>
      </c>
      <c r="D286" s="210">
        <v>0.25254851848693183</v>
      </c>
    </row>
    <row r="287" spans="1:4">
      <c r="A287" s="56" t="s">
        <v>360</v>
      </c>
      <c r="B287" s="205">
        <v>102</v>
      </c>
      <c r="C287" s="206">
        <v>3.7404593071792909</v>
      </c>
      <c r="D287" s="207">
        <v>0.31345667963415713</v>
      </c>
    </row>
    <row r="288" spans="1:4">
      <c r="A288" s="48" t="s">
        <v>370</v>
      </c>
      <c r="B288" s="208">
        <v>285</v>
      </c>
      <c r="C288" s="209">
        <v>4.0764378984222418</v>
      </c>
      <c r="D288" s="210">
        <v>0.21945560654134078</v>
      </c>
    </row>
    <row r="289" spans="1:49">
      <c r="A289" s="56" t="s">
        <v>361</v>
      </c>
      <c r="B289" s="205">
        <v>123</v>
      </c>
      <c r="C289" s="206">
        <v>4.3980051311089232</v>
      </c>
      <c r="D289" s="207">
        <v>0.34053135932721257</v>
      </c>
    </row>
    <row r="290" spans="1:49">
      <c r="A290" s="48" t="s">
        <v>375</v>
      </c>
      <c r="B290" s="208">
        <v>108</v>
      </c>
      <c r="C290" s="209">
        <v>3.8757373187755508</v>
      </c>
      <c r="D290" s="210">
        <v>0.34194518783034172</v>
      </c>
    </row>
    <row r="291" spans="1:49">
      <c r="A291" s="56" t="s">
        <v>358</v>
      </c>
      <c r="B291" s="205">
        <v>97</v>
      </c>
      <c r="C291" s="206">
        <v>3.8722943948970467</v>
      </c>
      <c r="D291" s="207">
        <v>0.34822709651178985</v>
      </c>
    </row>
    <row r="292" spans="1:49" s="245" customFormat="1">
      <c r="A292" s="238"/>
      <c r="B292" s="252"/>
      <c r="C292" s="253"/>
      <c r="D292" s="254"/>
    </row>
    <row r="293" spans="1:49" ht="18.75">
      <c r="A293" s="341" t="s">
        <v>67</v>
      </c>
      <c r="B293" s="341"/>
      <c r="C293" s="341"/>
      <c r="D293" s="341"/>
      <c r="E293" s="341"/>
      <c r="F293" s="341"/>
      <c r="G293" s="341"/>
      <c r="H293" s="341"/>
      <c r="I293" s="341"/>
      <c r="J293" s="341"/>
      <c r="K293" s="341"/>
      <c r="L293" s="341"/>
      <c r="M293" s="341"/>
      <c r="N293" s="341"/>
      <c r="O293" s="341"/>
      <c r="P293" s="341"/>
      <c r="Q293" s="341"/>
      <c r="R293" s="341"/>
      <c r="S293" s="341"/>
      <c r="T293" s="231"/>
      <c r="U293" s="231"/>
      <c r="V293" s="231"/>
      <c r="W293" s="231"/>
      <c r="X293" s="231"/>
      <c r="Y293" s="231"/>
      <c r="Z293" s="231"/>
      <c r="AA293" s="231"/>
      <c r="AB293" s="231"/>
      <c r="AC293" s="231"/>
      <c r="AD293" s="231"/>
      <c r="AE293" s="231"/>
      <c r="AF293" s="231"/>
      <c r="AG293" s="231"/>
      <c r="AH293" s="231"/>
      <c r="AI293" s="231"/>
      <c r="AJ293" s="231"/>
      <c r="AK293" s="249"/>
      <c r="AL293" s="249"/>
      <c r="AM293" s="249"/>
      <c r="AN293" s="249"/>
      <c r="AO293" s="249"/>
      <c r="AP293" s="249"/>
      <c r="AQ293" s="249"/>
      <c r="AR293" s="249"/>
      <c r="AS293" s="249"/>
    </row>
    <row r="294" spans="1:49" ht="67.5" customHeight="1">
      <c r="A294" s="420" t="s">
        <v>439</v>
      </c>
      <c r="B294" s="420"/>
      <c r="C294" s="420"/>
      <c r="D294" s="420"/>
      <c r="E294" s="420"/>
      <c r="F294" s="420"/>
      <c r="G294" s="420"/>
      <c r="H294" s="420"/>
      <c r="I294" s="420"/>
      <c r="J294" s="420"/>
      <c r="K294" s="420"/>
      <c r="L294" s="420"/>
      <c r="M294" s="420"/>
      <c r="N294" s="420"/>
      <c r="O294" s="420"/>
      <c r="P294" s="420"/>
      <c r="Q294" s="420"/>
      <c r="R294" s="420"/>
      <c r="S294" s="420"/>
      <c r="T294" s="250"/>
      <c r="U294" s="250"/>
      <c r="V294" s="250"/>
      <c r="W294" s="250"/>
      <c r="X294" s="250"/>
      <c r="Y294" s="250"/>
      <c r="Z294" s="250"/>
      <c r="AA294" s="250"/>
      <c r="AB294" s="250"/>
      <c r="AC294" s="250"/>
      <c r="AD294" s="250"/>
      <c r="AE294" s="250"/>
      <c r="AF294" s="250"/>
      <c r="AG294" s="250"/>
      <c r="AH294" s="250"/>
      <c r="AI294" s="250"/>
      <c r="AJ294" s="250"/>
      <c r="AK294" s="249"/>
      <c r="AL294" s="249"/>
      <c r="AM294" s="249"/>
      <c r="AN294" s="249"/>
      <c r="AO294" s="249"/>
      <c r="AP294" s="249"/>
      <c r="AQ294" s="249"/>
      <c r="AR294" s="249"/>
      <c r="AS294" s="249"/>
    </row>
    <row r="295" spans="1:49" ht="33" customHeight="1">
      <c r="A295" s="63"/>
      <c r="B295" s="386" t="s">
        <v>240</v>
      </c>
      <c r="C295" s="387"/>
      <c r="D295" s="387"/>
      <c r="E295" s="387"/>
      <c r="F295" s="387"/>
      <c r="G295" s="387"/>
      <c r="H295" s="387"/>
      <c r="I295" s="387"/>
      <c r="J295" s="388"/>
      <c r="K295" s="386" t="s">
        <v>440</v>
      </c>
      <c r="L295" s="387"/>
      <c r="M295" s="387"/>
      <c r="N295" s="387"/>
      <c r="O295" s="387"/>
      <c r="P295" s="387"/>
      <c r="Q295" s="387"/>
      <c r="R295" s="387"/>
      <c r="S295" s="388"/>
      <c r="T295" s="249"/>
      <c r="U295" s="249"/>
      <c r="V295" s="249"/>
      <c r="W295" s="249"/>
      <c r="X295" s="249"/>
      <c r="Y295" s="249"/>
      <c r="Z295" s="249"/>
      <c r="AA295" s="249"/>
      <c r="AB295" s="249"/>
      <c r="AC295" s="249"/>
      <c r="AD295" s="249"/>
      <c r="AE295" s="249"/>
      <c r="AF295" s="249"/>
      <c r="AG295" s="249"/>
      <c r="AH295" s="249"/>
      <c r="AI295" s="249"/>
      <c r="AJ295" s="249"/>
      <c r="AK295" s="249"/>
      <c r="AL295" s="249"/>
      <c r="AM295" s="249"/>
      <c r="AN295" s="249"/>
      <c r="AO295" s="249"/>
      <c r="AP295" s="249"/>
      <c r="AQ295" s="249"/>
      <c r="AR295" s="249"/>
      <c r="AS295" s="249"/>
      <c r="AT295" s="249"/>
      <c r="AU295" s="249"/>
      <c r="AV295" s="249"/>
      <c r="AW295" s="249"/>
    </row>
    <row r="296" spans="1:49" ht="41.25" customHeight="1">
      <c r="A296" s="36" t="s">
        <v>70</v>
      </c>
      <c r="B296" s="37" t="s">
        <v>71</v>
      </c>
      <c r="C296" s="37" t="s">
        <v>312</v>
      </c>
      <c r="D296" s="88" t="s">
        <v>142</v>
      </c>
      <c r="E296" s="37" t="s">
        <v>313</v>
      </c>
      <c r="F296" s="88" t="s">
        <v>143</v>
      </c>
      <c r="G296" s="37" t="s">
        <v>314</v>
      </c>
      <c r="H296" s="88" t="s">
        <v>116</v>
      </c>
      <c r="I296" s="37" t="s">
        <v>301</v>
      </c>
      <c r="J296" s="88" t="s">
        <v>315</v>
      </c>
      <c r="K296" s="64" t="s">
        <v>71</v>
      </c>
      <c r="L296" s="64" t="s">
        <v>312</v>
      </c>
      <c r="M296" s="87" t="s">
        <v>142</v>
      </c>
      <c r="N296" s="64" t="s">
        <v>313</v>
      </c>
      <c r="O296" s="87" t="s">
        <v>143</v>
      </c>
      <c r="P296" s="64" t="s">
        <v>314</v>
      </c>
      <c r="Q296" s="251" t="s">
        <v>116</v>
      </c>
      <c r="R296" s="265" t="s">
        <v>301</v>
      </c>
      <c r="S296" s="87" t="s">
        <v>315</v>
      </c>
      <c r="T296" s="249"/>
      <c r="U296" s="249"/>
      <c r="V296" s="249"/>
      <c r="W296" s="249"/>
      <c r="X296" s="249"/>
      <c r="Y296" s="249"/>
      <c r="Z296" s="249"/>
      <c r="AA296" s="249"/>
      <c r="AB296" s="249"/>
      <c r="AC296" s="249"/>
      <c r="AD296" s="249"/>
      <c r="AE296" s="249"/>
      <c r="AF296" s="249"/>
      <c r="AG296" s="249"/>
      <c r="AH296" s="249"/>
      <c r="AI296" s="249"/>
      <c r="AJ296" s="249"/>
      <c r="AK296" s="249"/>
      <c r="AL296" s="249"/>
      <c r="AM296" s="249"/>
      <c r="AN296" s="249"/>
      <c r="AO296" s="249"/>
      <c r="AP296" s="249"/>
      <c r="AQ296" s="249"/>
      <c r="AR296" s="249"/>
      <c r="AS296" s="249"/>
      <c r="AT296" s="249"/>
      <c r="AU296" s="249"/>
      <c r="AV296" s="249"/>
      <c r="AW296" s="249"/>
    </row>
    <row r="297" spans="1:49" ht="72">
      <c r="A297" s="40"/>
      <c r="B297" s="41" t="s">
        <v>73</v>
      </c>
      <c r="C297" s="41" t="s">
        <v>159</v>
      </c>
      <c r="D297" s="90" t="s">
        <v>87</v>
      </c>
      <c r="E297" s="41" t="s">
        <v>160</v>
      </c>
      <c r="F297" s="90" t="s">
        <v>87</v>
      </c>
      <c r="G297" s="41" t="s">
        <v>161</v>
      </c>
      <c r="H297" s="90" t="s">
        <v>87</v>
      </c>
      <c r="I297" s="41" t="s">
        <v>301</v>
      </c>
      <c r="J297" s="90" t="s">
        <v>87</v>
      </c>
      <c r="K297" s="67" t="s">
        <v>73</v>
      </c>
      <c r="L297" s="67" t="s">
        <v>159</v>
      </c>
      <c r="M297" s="89" t="s">
        <v>87</v>
      </c>
      <c r="N297" s="67" t="s">
        <v>160</v>
      </c>
      <c r="O297" s="89" t="s">
        <v>87</v>
      </c>
      <c r="P297" s="67" t="s">
        <v>161</v>
      </c>
      <c r="Q297" s="262" t="s">
        <v>87</v>
      </c>
      <c r="R297" s="266" t="s">
        <v>301</v>
      </c>
      <c r="S297" s="89" t="s">
        <v>87</v>
      </c>
    </row>
    <row r="298" spans="1:49">
      <c r="A298" s="44" t="s">
        <v>349</v>
      </c>
      <c r="B298" s="201">
        <v>13878</v>
      </c>
      <c r="C298" s="203">
        <v>0.16339033606008055</v>
      </c>
      <c r="D298" s="93">
        <v>6.2774358812823922E-3</v>
      </c>
      <c r="E298" s="203">
        <v>0.11431845030675639</v>
      </c>
      <c r="F298" s="93">
        <v>5.4036185174879065E-3</v>
      </c>
      <c r="G298" s="203">
        <v>0.70621469489153232</v>
      </c>
      <c r="H298" s="93">
        <v>7.7323771471404035E-3</v>
      </c>
      <c r="I298" s="203">
        <v>1.6076518741640532E-2</v>
      </c>
      <c r="J298" s="93">
        <v>2.1440019009182566E-3</v>
      </c>
      <c r="K298" s="201">
        <v>13866</v>
      </c>
      <c r="L298" s="203">
        <v>0.24246825328875521</v>
      </c>
      <c r="M298" s="93">
        <v>7.2788846876738781E-3</v>
      </c>
      <c r="N298" s="203">
        <v>0.12754606611305092</v>
      </c>
      <c r="O298" s="93">
        <v>5.6669921283084594E-3</v>
      </c>
      <c r="P298" s="203">
        <v>0.60806084817354888</v>
      </c>
      <c r="Q298" s="263">
        <v>8.2905004196120579E-3</v>
      </c>
      <c r="R298" s="203">
        <v>2.1924832424661145E-2</v>
      </c>
      <c r="S298" s="93">
        <v>2.4944606318117587E-3</v>
      </c>
    </row>
    <row r="299" spans="1:49">
      <c r="A299" s="48" t="s">
        <v>350</v>
      </c>
      <c r="B299" s="202">
        <v>10196</v>
      </c>
      <c r="C299" s="204">
        <v>0.23298116959314863</v>
      </c>
      <c r="D299" s="96">
        <v>8.3726176962051844E-3</v>
      </c>
      <c r="E299" s="204">
        <v>0.1241100937099985</v>
      </c>
      <c r="F299" s="96">
        <v>6.5325001919750202E-3</v>
      </c>
      <c r="G299" s="204">
        <v>0.63229273388527618</v>
      </c>
      <c r="H299" s="96">
        <v>9.548890838625694E-3</v>
      </c>
      <c r="I299" s="204">
        <v>1.0616002811573835E-2</v>
      </c>
      <c r="J299" s="96">
        <v>2.0475817406493324E-3</v>
      </c>
      <c r="K299" s="202">
        <v>10178</v>
      </c>
      <c r="L299" s="204">
        <v>0.3143579821918957</v>
      </c>
      <c r="M299" s="96">
        <v>9.2024121563617778E-3</v>
      </c>
      <c r="N299" s="204">
        <v>0.13257185010653613</v>
      </c>
      <c r="O299" s="96">
        <v>6.7244385260997967E-3</v>
      </c>
      <c r="P299" s="204">
        <v>0.52882796947341926</v>
      </c>
      <c r="Q299" s="264">
        <v>9.8937510362868426E-3</v>
      </c>
      <c r="R299" s="204">
        <v>2.4242198228148513E-2</v>
      </c>
      <c r="S299" s="96">
        <v>3.0598250757300693E-3</v>
      </c>
    </row>
    <row r="300" spans="1:49">
      <c r="A300" s="44" t="s">
        <v>351</v>
      </c>
      <c r="B300" s="201">
        <v>3682</v>
      </c>
      <c r="C300" s="203">
        <v>0.10648612487476335</v>
      </c>
      <c r="D300" s="93">
        <v>1.0179226080639958E-2</v>
      </c>
      <c r="E300" s="203">
        <v>0.10631185352120638</v>
      </c>
      <c r="F300" s="93">
        <v>1.0171926721082273E-2</v>
      </c>
      <c r="G300" s="203">
        <v>0.76666045573060715</v>
      </c>
      <c r="H300" s="93">
        <v>1.3939114491659028E-2</v>
      </c>
      <c r="I300" s="203">
        <v>2.0541565873423859E-2</v>
      </c>
      <c r="J300" s="93">
        <v>4.730187941488751E-3</v>
      </c>
      <c r="K300" s="201">
        <v>3688</v>
      </c>
      <c r="L300" s="203">
        <v>0.18394347093250465</v>
      </c>
      <c r="M300" s="93">
        <v>1.2761866073402827E-2</v>
      </c>
      <c r="N300" s="203">
        <v>0.12345462052163975</v>
      </c>
      <c r="O300" s="93">
        <v>1.0843146443311287E-2</v>
      </c>
      <c r="P300" s="203">
        <v>0.67256362279981263</v>
      </c>
      <c r="Q300" s="263">
        <v>1.5448733445202551E-2</v>
      </c>
      <c r="R300" s="203">
        <v>2.0038285746043338E-2</v>
      </c>
      <c r="S300" s="93">
        <v>4.6706993838929569E-3</v>
      </c>
    </row>
    <row r="301" spans="1:49">
      <c r="A301" s="48" t="s">
        <v>558</v>
      </c>
      <c r="B301" s="202">
        <v>331</v>
      </c>
      <c r="C301" s="204">
        <v>0.12281722528455777</v>
      </c>
      <c r="D301" s="96">
        <v>3.6423756160797974E-2</v>
      </c>
      <c r="E301" s="204">
        <v>0.12609052489194053</v>
      </c>
      <c r="F301" s="96">
        <v>3.6815064635522345E-2</v>
      </c>
      <c r="G301" s="204">
        <v>0.7452239948459648</v>
      </c>
      <c r="H301" s="96">
        <v>4.7792171218815946E-2</v>
      </c>
      <c r="I301" s="204">
        <v>5.8682549775373729E-3</v>
      </c>
      <c r="J301" s="96">
        <v>1.1784047802804322E-2</v>
      </c>
      <c r="K301" s="202">
        <v>334</v>
      </c>
      <c r="L301" s="204">
        <v>0.1915120574611118</v>
      </c>
      <c r="M301" s="96">
        <v>4.3114582840931372E-2</v>
      </c>
      <c r="N301" s="204">
        <v>0.13498029380789764</v>
      </c>
      <c r="O301" s="96">
        <v>3.7668053216563101E-2</v>
      </c>
      <c r="P301" s="204">
        <v>0.66075643127546513</v>
      </c>
      <c r="Q301" s="264">
        <v>5.1574661270961074E-2</v>
      </c>
      <c r="R301" s="204">
        <v>1.2751217455526239E-2</v>
      </c>
      <c r="S301" s="96">
        <v>1.4665734466145355E-2</v>
      </c>
    </row>
    <row r="302" spans="1:49">
      <c r="A302" s="44" t="s">
        <v>559</v>
      </c>
      <c r="B302" s="201">
        <v>3609</v>
      </c>
      <c r="C302" s="203">
        <v>0.17754984127297224</v>
      </c>
      <c r="D302" s="93">
        <v>1.2724855101026895E-2</v>
      </c>
      <c r="E302" s="203">
        <v>0.12592119287034645</v>
      </c>
      <c r="F302" s="93">
        <v>1.1054289310472748E-2</v>
      </c>
      <c r="G302" s="203">
        <v>0.68195721610338811</v>
      </c>
      <c r="H302" s="93">
        <v>1.5498536683816526E-2</v>
      </c>
      <c r="I302" s="203">
        <v>1.4571749753301355E-2</v>
      </c>
      <c r="J302" s="93">
        <v>4.0589193226439422E-3</v>
      </c>
      <c r="K302" s="201">
        <v>3606</v>
      </c>
      <c r="L302" s="203">
        <v>0.25194806531193797</v>
      </c>
      <c r="M302" s="93">
        <v>1.4456219748508237E-2</v>
      </c>
      <c r="N302" s="203">
        <v>0.13332824354391154</v>
      </c>
      <c r="O302" s="93">
        <v>1.1329837255783527E-2</v>
      </c>
      <c r="P302" s="203">
        <v>0.59713998254154499</v>
      </c>
      <c r="Q302" s="263">
        <v>1.6327151337691147E-2</v>
      </c>
      <c r="R302" s="203">
        <v>1.7583708602617126E-2</v>
      </c>
      <c r="S302" s="93">
        <v>4.4398062397289287E-3</v>
      </c>
    </row>
    <row r="303" spans="1:49">
      <c r="A303" s="48" t="s">
        <v>560</v>
      </c>
      <c r="B303" s="202">
        <v>2965</v>
      </c>
      <c r="C303" s="204">
        <v>0.26773157960664157</v>
      </c>
      <c r="D303" s="96">
        <v>1.625813361980109E-2</v>
      </c>
      <c r="E303" s="204">
        <v>0.11823031559023459</v>
      </c>
      <c r="F303" s="96">
        <v>1.187361100069026E-2</v>
      </c>
      <c r="G303" s="204">
        <v>0.60439923666946005</v>
      </c>
      <c r="H303" s="96">
        <v>1.7949074610097225E-2</v>
      </c>
      <c r="I303" s="204">
        <v>9.6388681336609296E-3</v>
      </c>
      <c r="J303" s="96">
        <v>3.7058263333816202E-3</v>
      </c>
      <c r="K303" s="202">
        <v>2961</v>
      </c>
      <c r="L303" s="204">
        <v>0.3481102907924864</v>
      </c>
      <c r="M303" s="96">
        <v>1.749937977256584E-2</v>
      </c>
      <c r="N303" s="204">
        <v>0.13990706220448842</v>
      </c>
      <c r="O303" s="96">
        <v>1.2759690974174996E-2</v>
      </c>
      <c r="P303" s="204">
        <v>0.49310192341109099</v>
      </c>
      <c r="Q303" s="264">
        <v>1.8363118136900013E-2</v>
      </c>
      <c r="R303" s="204">
        <v>1.8880723591929331E-2</v>
      </c>
      <c r="S303" s="96">
        <v>5.0825729099035939E-3</v>
      </c>
    </row>
    <row r="304" spans="1:49">
      <c r="A304" s="44" t="s">
        <v>368</v>
      </c>
      <c r="B304" s="201">
        <v>158</v>
      </c>
      <c r="C304" s="203">
        <v>0.16945136403549818</v>
      </c>
      <c r="D304" s="93">
        <v>6.0054843270912553E-2</v>
      </c>
      <c r="E304" s="203">
        <v>0.10416681469597899</v>
      </c>
      <c r="F304" s="93">
        <v>4.9927859579800192E-2</v>
      </c>
      <c r="G304" s="203">
        <v>0.71945685766065859</v>
      </c>
      <c r="H304" s="93">
        <v>7.1004722823501065E-2</v>
      </c>
      <c r="I304" s="203">
        <v>6.9249636078643441E-3</v>
      </c>
      <c r="J304" s="93">
        <v>2.1507884864995743E-2</v>
      </c>
      <c r="K304" s="201">
        <v>158</v>
      </c>
      <c r="L304" s="203">
        <v>0.23196708152112991</v>
      </c>
      <c r="M304" s="93">
        <v>6.6973790890298132E-2</v>
      </c>
      <c r="N304" s="203">
        <v>0.11633933432957294</v>
      </c>
      <c r="O304" s="93">
        <v>5.2111861599676172E-2</v>
      </c>
      <c r="P304" s="203">
        <v>0.63843775381803014</v>
      </c>
      <c r="Q304" s="263">
        <v>7.5648590506268765E-2</v>
      </c>
      <c r="R304" s="203">
        <v>1.3255830331267269E-2</v>
      </c>
      <c r="S304" s="93">
        <v>2.4663372882248361E-2</v>
      </c>
    </row>
    <row r="305" spans="1:19">
      <c r="A305" s="48" t="s">
        <v>150</v>
      </c>
      <c r="B305" s="202">
        <v>272</v>
      </c>
      <c r="C305" s="204">
        <v>0.28119465314660641</v>
      </c>
      <c r="D305" s="96">
        <v>5.4307480484903643E-2</v>
      </c>
      <c r="E305" s="204">
        <v>0.14049483714952654</v>
      </c>
      <c r="F305" s="96">
        <v>4.2473366470531376E-2</v>
      </c>
      <c r="G305" s="204">
        <v>0.57831050970386544</v>
      </c>
      <c r="H305" s="96">
        <v>5.9471577751480965E-2</v>
      </c>
      <c r="I305" s="204">
        <v>0</v>
      </c>
      <c r="J305" s="96">
        <v>1.0210726694673251E-2</v>
      </c>
      <c r="K305" s="202">
        <v>273</v>
      </c>
      <c r="L305" s="204">
        <v>0.37328254809735567</v>
      </c>
      <c r="M305" s="96">
        <v>5.81797399345119E-2</v>
      </c>
      <c r="N305" s="204">
        <v>0.13305215463327882</v>
      </c>
      <c r="O305" s="96">
        <v>4.1490293777396943E-2</v>
      </c>
      <c r="P305" s="204">
        <v>0.47276018962870414</v>
      </c>
      <c r="Q305" s="264">
        <v>5.9997505100459939E-2</v>
      </c>
      <c r="R305" s="204">
        <v>2.0905107640660402E-2</v>
      </c>
      <c r="S305" s="96">
        <v>1.9763694724848409E-2</v>
      </c>
    </row>
    <row r="306" spans="1:19">
      <c r="A306" s="44" t="s">
        <v>352</v>
      </c>
      <c r="B306" s="201">
        <v>121</v>
      </c>
      <c r="C306" s="203">
        <v>0.33414436034352646</v>
      </c>
      <c r="D306" s="93">
        <v>8.470641184172524E-2</v>
      </c>
      <c r="E306" s="203">
        <v>0.20329833553823085</v>
      </c>
      <c r="F306" s="93">
        <v>7.3214647241720096E-2</v>
      </c>
      <c r="G306" s="203">
        <v>0.46255730411824125</v>
      </c>
      <c r="H306" s="93">
        <v>8.9207413875411604E-2</v>
      </c>
      <c r="I306" s="203">
        <v>0</v>
      </c>
      <c r="J306" s="93">
        <v>2.2445667733440235E-2</v>
      </c>
      <c r="K306" s="201">
        <v>121</v>
      </c>
      <c r="L306" s="203">
        <v>0.48442415967915492</v>
      </c>
      <c r="M306" s="93">
        <v>8.9402044111618562E-2</v>
      </c>
      <c r="N306" s="203">
        <v>0.17765640887904144</v>
      </c>
      <c r="O306" s="93">
        <v>6.988863258648742E-2</v>
      </c>
      <c r="P306" s="203">
        <v>0.31163728115163175</v>
      </c>
      <c r="Q306" s="263">
        <v>8.3283401849519267E-2</v>
      </c>
      <c r="R306" s="203">
        <v>2.6282150290170447E-2</v>
      </c>
      <c r="S306" s="93">
        <v>3.5653333053184931E-2</v>
      </c>
    </row>
    <row r="307" spans="1:19">
      <c r="A307" s="48" t="s">
        <v>353</v>
      </c>
      <c r="B307" s="202">
        <v>117</v>
      </c>
      <c r="C307" s="204">
        <v>0.32926615320705305</v>
      </c>
      <c r="D307" s="96">
        <v>8.581074188834581E-2</v>
      </c>
      <c r="E307" s="204">
        <v>0.12720526925115722</v>
      </c>
      <c r="F307" s="96">
        <v>6.2999594084930402E-2</v>
      </c>
      <c r="G307" s="204">
        <v>0.54352857754178829</v>
      </c>
      <c r="H307" s="96">
        <v>9.0586420853038779E-2</v>
      </c>
      <c r="I307" s="204">
        <v>0</v>
      </c>
      <c r="J307" s="96">
        <v>2.3181440451602572E-2</v>
      </c>
      <c r="K307" s="202">
        <v>117</v>
      </c>
      <c r="L307" s="204">
        <v>0.34343403742025336</v>
      </c>
      <c r="M307" s="96">
        <v>8.6641848301342514E-2</v>
      </c>
      <c r="N307" s="204">
        <v>0.1130879477013549</v>
      </c>
      <c r="O307" s="96">
        <v>6.0311327264071547E-2</v>
      </c>
      <c r="P307" s="204">
        <v>0.51807777367342489</v>
      </c>
      <c r="Q307" s="264">
        <v>9.0853518279747844E-2</v>
      </c>
      <c r="R307" s="204">
        <v>2.5400241204965382E-2</v>
      </c>
      <c r="S307" s="96">
        <v>3.6090402235053144E-2</v>
      </c>
    </row>
    <row r="308" spans="1:19">
      <c r="A308" s="44" t="s">
        <v>369</v>
      </c>
      <c r="B308" s="201">
        <v>426</v>
      </c>
      <c r="C308" s="203">
        <v>0.21186448274657196</v>
      </c>
      <c r="D308" s="93">
        <v>3.9592733217976461E-2</v>
      </c>
      <c r="E308" s="203">
        <v>0.20053990910512201</v>
      </c>
      <c r="F308" s="93">
        <v>3.8817916159657836E-2</v>
      </c>
      <c r="G308" s="203">
        <v>0.57549215946195564</v>
      </c>
      <c r="H308" s="93">
        <v>4.7681742382562564E-2</v>
      </c>
      <c r="I308" s="203">
        <v>1.2103448686350587E-2</v>
      </c>
      <c r="J308" s="93">
        <v>1.2338280150476411E-2</v>
      </c>
      <c r="K308" s="201">
        <v>423</v>
      </c>
      <c r="L308" s="203">
        <v>0.33602613234320955</v>
      </c>
      <c r="M308" s="93">
        <v>4.5768376942458854E-2</v>
      </c>
      <c r="N308" s="203">
        <v>0.13408608919418749</v>
      </c>
      <c r="O308" s="93">
        <v>3.3332305163060572E-2</v>
      </c>
      <c r="P308" s="203">
        <v>0.50093822907195662</v>
      </c>
      <c r="Q308" s="263">
        <v>4.8393308239396693E-2</v>
      </c>
      <c r="R308" s="203">
        <v>2.8949549390646808E-2</v>
      </c>
      <c r="S308" s="93">
        <v>1.7381021061898681E-2</v>
      </c>
    </row>
    <row r="309" spans="1:19">
      <c r="A309" s="48" t="s">
        <v>354</v>
      </c>
      <c r="B309" s="202">
        <v>70</v>
      </c>
      <c r="C309" s="204">
        <v>0.33640136900563616</v>
      </c>
      <c r="D309" s="96">
        <v>0.1105394015744522</v>
      </c>
      <c r="E309" s="204">
        <v>0.13818102252869507</v>
      </c>
      <c r="F309" s="96">
        <v>8.4743579669751198E-2</v>
      </c>
      <c r="G309" s="204">
        <v>0.52541760846566943</v>
      </c>
      <c r="H309" s="96">
        <v>0.11611315573086131</v>
      </c>
      <c r="I309" s="204">
        <v>0</v>
      </c>
      <c r="J309" s="96">
        <v>3.7701936889887336E-2</v>
      </c>
      <c r="K309" s="202">
        <v>71</v>
      </c>
      <c r="L309" s="204">
        <v>0.33998689844017405</v>
      </c>
      <c r="M309" s="96">
        <v>0.11004340755913676</v>
      </c>
      <c r="N309" s="204">
        <v>7.4234849363090716E-2</v>
      </c>
      <c r="O309" s="96">
        <v>6.8330377771080975E-2</v>
      </c>
      <c r="P309" s="204">
        <v>0.58577825219673585</v>
      </c>
      <c r="Q309" s="264">
        <v>0.11393706002096292</v>
      </c>
      <c r="R309" s="204">
        <v>0</v>
      </c>
      <c r="S309" s="96">
        <v>3.7206132509255738E-2</v>
      </c>
    </row>
    <row r="310" spans="1:19">
      <c r="A310" s="44" t="s">
        <v>355</v>
      </c>
      <c r="B310" s="201">
        <v>76</v>
      </c>
      <c r="C310" s="203">
        <v>0.19732609407926155</v>
      </c>
      <c r="D310" s="93">
        <v>9.1466012068391361E-2</v>
      </c>
      <c r="E310" s="203">
        <v>0.12462828363756116</v>
      </c>
      <c r="F310" s="93">
        <v>7.8369065097777232E-2</v>
      </c>
      <c r="G310" s="203">
        <v>0.62768814543538154</v>
      </c>
      <c r="H310" s="93">
        <v>0.10846322028861528</v>
      </c>
      <c r="I310" s="203">
        <v>5.0357476847795769E-2</v>
      </c>
      <c r="J310" s="93">
        <v>5.8109377573426491E-2</v>
      </c>
      <c r="K310" s="201">
        <v>74</v>
      </c>
      <c r="L310" s="203">
        <v>0.36347827271245847</v>
      </c>
      <c r="M310" s="93">
        <v>0.10936281906748969</v>
      </c>
      <c r="N310" s="203">
        <v>0.11220700329160251</v>
      </c>
      <c r="O310" s="93">
        <v>7.667615729204251E-2</v>
      </c>
      <c r="P310" s="203">
        <v>0.49132416083985087</v>
      </c>
      <c r="Q310" s="263">
        <v>0.11321236044790869</v>
      </c>
      <c r="R310" s="203">
        <v>3.2990563156088538E-2</v>
      </c>
      <c r="S310" s="93">
        <v>5.247594232773372E-2</v>
      </c>
    </row>
    <row r="311" spans="1:19">
      <c r="A311" s="48" t="s">
        <v>356</v>
      </c>
      <c r="B311" s="202">
        <v>67</v>
      </c>
      <c r="C311" s="204">
        <v>0.15710314105341372</v>
      </c>
      <c r="D311" s="96">
        <v>9.0475055483454747E-2</v>
      </c>
      <c r="E311" s="204">
        <v>0.33569191006992022</v>
      </c>
      <c r="F311" s="96">
        <v>0.11282770001713614</v>
      </c>
      <c r="G311" s="204">
        <v>0.49650892221656096</v>
      </c>
      <c r="H311" s="96">
        <v>0.11867558975037404</v>
      </c>
      <c r="I311" s="204">
        <v>1.0696026660105017E-2</v>
      </c>
      <c r="J311" s="96">
        <v>4.5531869532123473E-2</v>
      </c>
      <c r="K311" s="202">
        <v>65</v>
      </c>
      <c r="L311" s="204">
        <v>0.37811026325024083</v>
      </c>
      <c r="M311" s="96">
        <v>0.11716840993451252</v>
      </c>
      <c r="N311" s="204">
        <v>0.13566860318693269</v>
      </c>
      <c r="O311" s="96">
        <v>8.7545066028147281E-2</v>
      </c>
      <c r="P311" s="204">
        <v>0.46504305906242643</v>
      </c>
      <c r="Q311" s="264">
        <v>0.12012447296948796</v>
      </c>
      <c r="R311" s="204">
        <v>2.1178074500399813E-2</v>
      </c>
      <c r="S311" s="96">
        <v>5.1942637355400334E-2</v>
      </c>
    </row>
    <row r="312" spans="1:19">
      <c r="A312" s="56" t="s">
        <v>357</v>
      </c>
      <c r="B312" s="201">
        <v>54</v>
      </c>
      <c r="C312" s="203">
        <v>0.15278345702991777</v>
      </c>
      <c r="D312" s="93">
        <v>0.10017093517111285</v>
      </c>
      <c r="E312" s="203">
        <v>0.2633597793158452</v>
      </c>
      <c r="F312" s="93">
        <v>0.11787164470349619</v>
      </c>
      <c r="G312" s="203">
        <v>0.5723234822115284</v>
      </c>
      <c r="H312" s="93">
        <v>0.13011027403864553</v>
      </c>
      <c r="I312" s="203">
        <v>1.1533281442708572E-2</v>
      </c>
      <c r="J312" s="93">
        <v>5.4567727572205967E-2</v>
      </c>
      <c r="K312" s="201">
        <v>54</v>
      </c>
      <c r="L312" s="203">
        <v>0.22331700085179995</v>
      </c>
      <c r="M312" s="93">
        <v>0.1125385794448925</v>
      </c>
      <c r="N312" s="203">
        <v>0.201784223750612</v>
      </c>
      <c r="O312" s="93">
        <v>0.10920115505518853</v>
      </c>
      <c r="P312" s="203">
        <v>0.5319593294925381</v>
      </c>
      <c r="Q312" s="263">
        <v>0.13107371598567738</v>
      </c>
      <c r="R312" s="203">
        <v>4.2939445905049917E-2</v>
      </c>
      <c r="S312" s="93">
        <v>6.8940975877305799E-2</v>
      </c>
    </row>
    <row r="313" spans="1:19">
      <c r="A313" s="48" t="s">
        <v>358</v>
      </c>
      <c r="B313" s="202">
        <v>98</v>
      </c>
      <c r="C313" s="204">
        <v>0.44305081243466771</v>
      </c>
      <c r="D313" s="96">
        <v>9.8420102324348308E-2</v>
      </c>
      <c r="E313" s="204">
        <v>0.13965462204291848</v>
      </c>
      <c r="F313" s="96">
        <v>7.1437820749356132E-2</v>
      </c>
      <c r="G313" s="204">
        <v>0.41729456552241345</v>
      </c>
      <c r="H313" s="96">
        <v>9.7756355229853292E-2</v>
      </c>
      <c r="I313" s="204">
        <v>0</v>
      </c>
      <c r="J313" s="96">
        <v>2.745647223584333E-2</v>
      </c>
      <c r="K313" s="202">
        <v>98</v>
      </c>
      <c r="L313" s="204">
        <v>0.45344059626953009</v>
      </c>
      <c r="M313" s="96">
        <v>9.861768325167318E-2</v>
      </c>
      <c r="N313" s="204">
        <v>8.5429425726258834E-2</v>
      </c>
      <c r="O313" s="96">
        <v>5.9851721993975961E-2</v>
      </c>
      <c r="P313" s="204">
        <v>0.44991824091404198</v>
      </c>
      <c r="Q313" s="264">
        <v>9.8555186163188715E-2</v>
      </c>
      <c r="R313" s="204">
        <v>1.1211737090168823E-2</v>
      </c>
      <c r="S313" s="96">
        <v>3.3987867316272596E-2</v>
      </c>
    </row>
    <row r="314" spans="1:19">
      <c r="A314" s="56" t="s">
        <v>359</v>
      </c>
      <c r="B314" s="201">
        <v>115</v>
      </c>
      <c r="C314" s="203">
        <v>0.16692251119103907</v>
      </c>
      <c r="D314" s="93">
        <v>7.0148038223885961E-2</v>
      </c>
      <c r="E314" s="203">
        <v>0.18751121134190021</v>
      </c>
      <c r="F314" s="93">
        <v>7.3061521588602144E-2</v>
      </c>
      <c r="G314" s="203">
        <v>0.64556627746705997</v>
      </c>
      <c r="H314" s="93">
        <v>8.796695799420122E-2</v>
      </c>
      <c r="I314" s="203">
        <v>0</v>
      </c>
      <c r="J314" s="93">
        <v>2.3567715249216942E-2</v>
      </c>
      <c r="K314" s="201">
        <v>115</v>
      </c>
      <c r="L314" s="203">
        <v>0.36780782531207307</v>
      </c>
      <c r="M314" s="93">
        <v>8.8627301855287194E-2</v>
      </c>
      <c r="N314" s="203">
        <v>0.14460790743105037</v>
      </c>
      <c r="O314" s="93">
        <v>6.6621910495654191E-2</v>
      </c>
      <c r="P314" s="203">
        <v>0.45528572630412006</v>
      </c>
      <c r="Q314" s="263">
        <v>9.1326873619928708E-2</v>
      </c>
      <c r="R314" s="203">
        <v>3.2298540952755687E-2</v>
      </c>
      <c r="S314" s="93">
        <v>3.9199432584322152E-2</v>
      </c>
    </row>
    <row r="315" spans="1:19">
      <c r="A315" s="48" t="s">
        <v>371</v>
      </c>
      <c r="B315" s="202">
        <v>183</v>
      </c>
      <c r="C315" s="204">
        <v>0.38105398215815051</v>
      </c>
      <c r="D315" s="96">
        <v>7.1117984374964249E-2</v>
      </c>
      <c r="E315" s="204">
        <v>0.10144010164276553</v>
      </c>
      <c r="F315" s="96">
        <v>4.575523055680851E-2</v>
      </c>
      <c r="G315" s="204">
        <v>0.51750591619908504</v>
      </c>
      <c r="H315" s="96">
        <v>7.308430603873857E-2</v>
      </c>
      <c r="I315" s="204">
        <v>0</v>
      </c>
      <c r="J315" s="96">
        <v>1.504417746716019E-2</v>
      </c>
      <c r="K315" s="202">
        <v>183</v>
      </c>
      <c r="L315" s="204">
        <v>0.45994759373612337</v>
      </c>
      <c r="M315" s="96">
        <v>7.2902205306850848E-2</v>
      </c>
      <c r="N315" s="204">
        <v>0.13450880815643063</v>
      </c>
      <c r="O315" s="96">
        <v>5.1099124205513206E-2</v>
      </c>
      <c r="P315" s="204">
        <v>0.3837603391431611</v>
      </c>
      <c r="Q315" s="264">
        <v>7.1209594661942349E-2</v>
      </c>
      <c r="R315" s="204">
        <v>2.1783258964285932E-2</v>
      </c>
      <c r="S315" s="96">
        <v>2.5745647798043256E-2</v>
      </c>
    </row>
    <row r="316" spans="1:19">
      <c r="A316" s="56" t="s">
        <v>360</v>
      </c>
      <c r="B316" s="201">
        <v>103</v>
      </c>
      <c r="C316" s="203">
        <v>0.44847140755082199</v>
      </c>
      <c r="D316" s="93">
        <v>9.619676347051849E-2</v>
      </c>
      <c r="E316" s="203">
        <v>9.581229015649205E-2</v>
      </c>
      <c r="F316" s="93">
        <v>6.0717946463255276E-2</v>
      </c>
      <c r="G316" s="203">
        <v>0.45571630229268595</v>
      </c>
      <c r="H316" s="93">
        <v>9.6321663949361924E-2</v>
      </c>
      <c r="I316" s="203">
        <v>0</v>
      </c>
      <c r="J316" s="93">
        <v>2.6185687246820841E-2</v>
      </c>
      <c r="K316" s="201">
        <v>103</v>
      </c>
      <c r="L316" s="203">
        <v>0.52511385044196013</v>
      </c>
      <c r="M316" s="93">
        <v>9.6560584566061619E-2</v>
      </c>
      <c r="N316" s="203">
        <v>0.17427174485673788</v>
      </c>
      <c r="O316" s="93">
        <v>7.5302618921219588E-2</v>
      </c>
      <c r="P316" s="203">
        <v>0.28868708488654571</v>
      </c>
      <c r="Q316" s="263">
        <v>8.8311894642919886E-2</v>
      </c>
      <c r="R316" s="203">
        <v>1.192731981475631E-2</v>
      </c>
      <c r="S316" s="93">
        <v>3.3074606063651361E-2</v>
      </c>
    </row>
    <row r="317" spans="1:19">
      <c r="A317" s="48" t="s">
        <v>370</v>
      </c>
      <c r="B317" s="202">
        <v>293</v>
      </c>
      <c r="C317" s="204">
        <v>0.33791226562595983</v>
      </c>
      <c r="D317" s="96">
        <v>5.4978474619445293E-2</v>
      </c>
      <c r="E317" s="204">
        <v>0.14195273201726777</v>
      </c>
      <c r="F317" s="96">
        <v>4.1068562374873642E-2</v>
      </c>
      <c r="G317" s="204">
        <v>0.51196067070806017</v>
      </c>
      <c r="H317" s="96">
        <v>5.8009725158416195E-2</v>
      </c>
      <c r="I317" s="204">
        <v>8.1743316487119001E-3</v>
      </c>
      <c r="J317" s="96">
        <v>1.4012624552343462E-2</v>
      </c>
      <c r="K317" s="202">
        <v>291</v>
      </c>
      <c r="L317" s="204">
        <v>0.4234426243933388</v>
      </c>
      <c r="M317" s="96">
        <v>5.7554317323887931E-2</v>
      </c>
      <c r="N317" s="204">
        <v>0.14933677084647495</v>
      </c>
      <c r="O317" s="96">
        <v>4.2040711174320171E-2</v>
      </c>
      <c r="P317" s="204">
        <v>0.4048710293066804</v>
      </c>
      <c r="Q317" s="264">
        <v>5.7187675082500632E-2</v>
      </c>
      <c r="R317" s="204">
        <v>2.2349575453505011E-2</v>
      </c>
      <c r="S317" s="96">
        <v>1.9483236452025494E-2</v>
      </c>
    </row>
    <row r="318" spans="1:19">
      <c r="A318" s="56" t="s">
        <v>361</v>
      </c>
      <c r="B318" s="201">
        <v>127</v>
      </c>
      <c r="C318" s="203">
        <v>0.27496102939915185</v>
      </c>
      <c r="D318" s="93">
        <v>7.8614514015794307E-2</v>
      </c>
      <c r="E318" s="203">
        <v>0.16336219055710099</v>
      </c>
      <c r="F318" s="93">
        <v>6.6191934346149603E-2</v>
      </c>
      <c r="G318" s="203">
        <v>0.56167678004374644</v>
      </c>
      <c r="H318" s="93">
        <v>8.6743411218332248E-2</v>
      </c>
      <c r="I318" s="203">
        <v>0</v>
      </c>
      <c r="J318" s="93">
        <v>2.1425595681499328E-2</v>
      </c>
      <c r="K318" s="201">
        <v>126</v>
      </c>
      <c r="L318" s="203">
        <v>0.34605141252899835</v>
      </c>
      <c r="M318" s="93">
        <v>8.3709362813991259E-2</v>
      </c>
      <c r="N318" s="203">
        <v>0.146083350420179</v>
      </c>
      <c r="O318" s="93">
        <v>6.381042630170726E-2</v>
      </c>
      <c r="P318" s="203">
        <v>0.47424419825736991</v>
      </c>
      <c r="Q318" s="263">
        <v>8.7596422982376632E-2</v>
      </c>
      <c r="R318" s="203">
        <v>3.3621038793452115E-2</v>
      </c>
      <c r="S318" s="93">
        <v>3.7486378416312902E-2</v>
      </c>
    </row>
    <row r="319" spans="1:19">
      <c r="A319" s="48" t="s">
        <v>375</v>
      </c>
      <c r="B319" s="202">
        <v>112</v>
      </c>
      <c r="C319" s="204">
        <v>0.36960216823820491</v>
      </c>
      <c r="D319" s="96">
        <v>8.9855986091613979E-2</v>
      </c>
      <c r="E319" s="204">
        <v>0.11063476576185044</v>
      </c>
      <c r="F319" s="96">
        <v>6.1214710714692366E-2</v>
      </c>
      <c r="G319" s="204">
        <v>0.50046837417838819</v>
      </c>
      <c r="H319" s="96">
        <v>9.2847631112715975E-2</v>
      </c>
      <c r="I319" s="204">
        <v>1.9294691821556142E-2</v>
      </c>
      <c r="J319" s="96">
        <v>3.4533355770893163E-2</v>
      </c>
      <c r="K319" s="202">
        <v>111</v>
      </c>
      <c r="L319" s="204">
        <v>0.46547192281878053</v>
      </c>
      <c r="M319" s="96">
        <v>9.3043104431868806E-2</v>
      </c>
      <c r="N319" s="204">
        <v>0.17538629235673889</v>
      </c>
      <c r="O319" s="96">
        <v>7.2670507255206462E-2</v>
      </c>
      <c r="P319" s="204">
        <v>0.33963210068126648</v>
      </c>
      <c r="Q319" s="264">
        <v>8.8669408747374404E-2</v>
      </c>
      <c r="R319" s="204">
        <v>1.950968414321393E-2</v>
      </c>
      <c r="S319" s="96">
        <v>3.4846410425961157E-2</v>
      </c>
    </row>
    <row r="320" spans="1:19">
      <c r="A320" s="56" t="s">
        <v>358</v>
      </c>
      <c r="B320" s="201">
        <v>98</v>
      </c>
      <c r="C320" s="203">
        <v>0.44305081243466771</v>
      </c>
      <c r="D320" s="93">
        <v>9.8420102324348308E-2</v>
      </c>
      <c r="E320" s="203">
        <v>0.13965462204291848</v>
      </c>
      <c r="F320" s="93">
        <v>7.1437820749356132E-2</v>
      </c>
      <c r="G320" s="203">
        <v>0.41729456552241345</v>
      </c>
      <c r="H320" s="93">
        <v>9.7756355229853292E-2</v>
      </c>
      <c r="I320" s="203">
        <v>0</v>
      </c>
      <c r="J320" s="93">
        <v>2.745647223584333E-2</v>
      </c>
      <c r="K320" s="201">
        <v>98</v>
      </c>
      <c r="L320" s="203">
        <v>0.45344059626953009</v>
      </c>
      <c r="M320" s="93">
        <v>9.861768325167318E-2</v>
      </c>
      <c r="N320" s="203">
        <v>8.5429425726258834E-2</v>
      </c>
      <c r="O320" s="93">
        <v>5.9851721993975961E-2</v>
      </c>
      <c r="P320" s="203">
        <v>0.44991824091404198</v>
      </c>
      <c r="Q320" s="263">
        <v>9.8555186163188715E-2</v>
      </c>
      <c r="R320" s="203">
        <v>1.1211737090168823E-2</v>
      </c>
      <c r="S320" s="93">
        <v>3.3987867316272596E-2</v>
      </c>
    </row>
    <row r="322" spans="1:10" ht="18.75">
      <c r="A322" s="340" t="s">
        <v>365</v>
      </c>
      <c r="B322" s="340"/>
      <c r="C322" s="340"/>
      <c r="D322" s="340"/>
      <c r="E322" s="231"/>
      <c r="F322" s="231"/>
      <c r="G322" s="231"/>
      <c r="H322" s="231"/>
      <c r="I322" s="231"/>
      <c r="J322" s="245"/>
    </row>
    <row r="323" spans="1:10" ht="147" customHeight="1">
      <c r="A323" s="408" t="s">
        <v>578</v>
      </c>
      <c r="B323" s="408"/>
      <c r="C323" s="408"/>
      <c r="D323" s="408"/>
      <c r="E323" s="267"/>
      <c r="F323" s="267"/>
      <c r="G323" s="267"/>
      <c r="H323" s="267"/>
      <c r="I323" s="267"/>
    </row>
    <row r="324" spans="1:10" ht="36" customHeight="1">
      <c r="A324" s="392" t="s">
        <v>144</v>
      </c>
      <c r="B324" s="392"/>
      <c r="C324" s="392"/>
      <c r="D324" s="392"/>
    </row>
    <row r="325" spans="1:10" ht="40.5" customHeight="1">
      <c r="A325" s="36" t="s">
        <v>70</v>
      </c>
      <c r="B325" s="37" t="s">
        <v>71</v>
      </c>
      <c r="C325" s="38" t="s">
        <v>594</v>
      </c>
      <c r="D325" s="39" t="s">
        <v>72</v>
      </c>
    </row>
    <row r="326" spans="1:10" ht="72">
      <c r="A326" s="40"/>
      <c r="B326" s="41" t="s">
        <v>73</v>
      </c>
      <c r="C326" s="127" t="s">
        <v>145</v>
      </c>
      <c r="D326" s="43" t="s">
        <v>75</v>
      </c>
    </row>
    <row r="327" spans="1:10">
      <c r="A327" s="44" t="s">
        <v>349</v>
      </c>
      <c r="B327" s="205">
        <v>11523</v>
      </c>
      <c r="C327" s="83">
        <v>3.9201570078785295</v>
      </c>
      <c r="D327" s="84">
        <v>2.5636434985028492E-2</v>
      </c>
    </row>
    <row r="328" spans="1:10">
      <c r="A328" s="48" t="s">
        <v>350</v>
      </c>
      <c r="B328" s="48">
        <v>8372</v>
      </c>
      <c r="C328" s="209">
        <v>3.6477619545416866</v>
      </c>
      <c r="D328" s="210">
        <v>2.9306209513935266E-2</v>
      </c>
    </row>
    <row r="329" spans="1:10">
      <c r="A329" s="44" t="s">
        <v>351</v>
      </c>
      <c r="B329" s="52">
        <v>3151</v>
      </c>
      <c r="C329" s="83">
        <v>4.1345471164411531</v>
      </c>
      <c r="D329" s="84">
        <v>5.0877959499426736E-2</v>
      </c>
    </row>
    <row r="330" spans="1:10">
      <c r="A330" s="48" t="s">
        <v>558</v>
      </c>
      <c r="B330" s="48">
        <v>262</v>
      </c>
      <c r="C330" s="209">
        <v>4.1950460255126316</v>
      </c>
      <c r="D330" s="210">
        <v>0.1648993519873263</v>
      </c>
    </row>
    <row r="331" spans="1:10">
      <c r="A331" s="44" t="s">
        <v>559</v>
      </c>
      <c r="B331" s="52">
        <v>3006</v>
      </c>
      <c r="C331" s="83">
        <v>4.0192713124013064</v>
      </c>
      <c r="D331" s="84">
        <v>4.8371858008639711E-2</v>
      </c>
    </row>
    <row r="332" spans="1:10">
      <c r="A332" s="48" t="s">
        <v>560</v>
      </c>
      <c r="B332" s="48">
        <v>2450</v>
      </c>
      <c r="C332" s="209">
        <v>3.6022664087345393</v>
      </c>
      <c r="D332" s="210">
        <v>5.1287294285869353E-2</v>
      </c>
    </row>
    <row r="333" spans="1:10">
      <c r="A333" s="44" t="s">
        <v>368</v>
      </c>
      <c r="B333" s="52">
        <v>135</v>
      </c>
      <c r="C333" s="83">
        <v>3.7074039622652664</v>
      </c>
      <c r="D333" s="84">
        <v>0.23587946542573068</v>
      </c>
    </row>
    <row r="334" spans="1:10">
      <c r="A334" s="48" t="s">
        <v>150</v>
      </c>
      <c r="B334" s="48">
        <v>221</v>
      </c>
      <c r="C334" s="209">
        <v>3.8455891715885606</v>
      </c>
      <c r="D334" s="210">
        <v>0.16108198837505358</v>
      </c>
    </row>
    <row r="335" spans="1:10">
      <c r="A335" s="44" t="s">
        <v>352</v>
      </c>
      <c r="B335" s="52">
        <v>103</v>
      </c>
      <c r="C335" s="83">
        <v>3.6156346016114016</v>
      </c>
      <c r="D335" s="84">
        <v>0.23485478260894724</v>
      </c>
    </row>
    <row r="336" spans="1:10">
      <c r="A336" s="48" t="s">
        <v>353</v>
      </c>
      <c r="B336" s="48">
        <v>88</v>
      </c>
      <c r="C336" s="209">
        <v>4.248607696119298</v>
      </c>
      <c r="D336" s="210">
        <v>0.25236088181532595</v>
      </c>
    </row>
    <row r="337" spans="1:46">
      <c r="A337" s="44" t="s">
        <v>369</v>
      </c>
      <c r="B337" s="205">
        <v>379</v>
      </c>
      <c r="C337" s="83">
        <v>3.4483769646548974</v>
      </c>
      <c r="D337" s="84">
        <v>0.12368939363860942</v>
      </c>
    </row>
    <row r="338" spans="1:46">
      <c r="A338" s="48" t="s">
        <v>354</v>
      </c>
      <c r="B338" s="208">
        <v>61</v>
      </c>
      <c r="C338" s="209">
        <v>3.7601625287604459</v>
      </c>
      <c r="D338" s="210">
        <v>0.35223442278723349</v>
      </c>
    </row>
    <row r="339" spans="1:46">
      <c r="A339" s="44" t="s">
        <v>355</v>
      </c>
      <c r="B339" s="82">
        <v>65</v>
      </c>
      <c r="C339" s="83">
        <v>4.0293013342899071</v>
      </c>
      <c r="D339" s="84">
        <v>0.24598064687908527</v>
      </c>
    </row>
    <row r="340" spans="1:46">
      <c r="A340" s="48" t="s">
        <v>356</v>
      </c>
      <c r="B340" s="208">
        <v>59</v>
      </c>
      <c r="C340" s="209">
        <v>3.4772323980758539</v>
      </c>
      <c r="D340" s="210">
        <v>0.23411949121289904</v>
      </c>
    </row>
    <row r="341" spans="1:46">
      <c r="A341" s="56" t="s">
        <v>357</v>
      </c>
      <c r="B341" s="205">
        <v>48</v>
      </c>
      <c r="C341" s="83">
        <v>3.5894675243501362</v>
      </c>
      <c r="D341" s="84">
        <v>0.30420439749464956</v>
      </c>
    </row>
    <row r="342" spans="1:46">
      <c r="A342" s="48" t="s">
        <v>358</v>
      </c>
      <c r="B342" s="208">
        <v>80</v>
      </c>
      <c r="C342" s="209">
        <v>4.1459275962098268</v>
      </c>
      <c r="D342" s="210">
        <v>0.281373416465861</v>
      </c>
    </row>
    <row r="343" spans="1:46">
      <c r="A343" s="56" t="s">
        <v>359</v>
      </c>
      <c r="B343" s="205">
        <v>105</v>
      </c>
      <c r="C343" s="83">
        <v>2.8603011751726135</v>
      </c>
      <c r="D343" s="84">
        <v>0.20766497262345635</v>
      </c>
    </row>
    <row r="344" spans="1:46">
      <c r="A344" s="48" t="s">
        <v>371</v>
      </c>
      <c r="B344" s="208">
        <v>140</v>
      </c>
      <c r="C344" s="209">
        <v>3.6561616744323273</v>
      </c>
      <c r="D344" s="210">
        <v>0.20121063018101634</v>
      </c>
    </row>
    <row r="345" spans="1:46">
      <c r="A345" s="56" t="s">
        <v>360</v>
      </c>
      <c r="B345" s="205">
        <v>77</v>
      </c>
      <c r="C345" s="83">
        <v>3.8642890443429945</v>
      </c>
      <c r="D345" s="84">
        <v>0.25391282629670708</v>
      </c>
    </row>
    <row r="346" spans="1:46">
      <c r="A346" s="48" t="s">
        <v>370</v>
      </c>
      <c r="B346" s="208">
        <v>199</v>
      </c>
      <c r="C346" s="209">
        <v>4.2058841365428945</v>
      </c>
      <c r="D346" s="210">
        <v>0.18267645154175105</v>
      </c>
    </row>
    <row r="347" spans="1:46">
      <c r="A347" s="56" t="s">
        <v>361</v>
      </c>
      <c r="B347" s="205">
        <v>88</v>
      </c>
      <c r="C347" s="83">
        <v>4.055583602506359</v>
      </c>
      <c r="D347" s="84">
        <v>0.27604012559635488</v>
      </c>
    </row>
    <row r="348" spans="1:46">
      <c r="A348" s="48" t="s">
        <v>375</v>
      </c>
      <c r="B348" s="208">
        <v>72</v>
      </c>
      <c r="C348" s="209">
        <v>4.3531468480180049</v>
      </c>
      <c r="D348" s="210">
        <v>0.30313039437466555</v>
      </c>
    </row>
    <row r="349" spans="1:46">
      <c r="A349" s="56" t="s">
        <v>358</v>
      </c>
      <c r="B349" s="205">
        <v>80</v>
      </c>
      <c r="C349" s="83">
        <v>4.1459275962098268</v>
      </c>
      <c r="D349" s="84">
        <v>0.281373416465861</v>
      </c>
    </row>
    <row r="351" spans="1:46" ht="18.75">
      <c r="A351" s="340" t="s">
        <v>366</v>
      </c>
      <c r="B351" s="340"/>
      <c r="C351" s="340"/>
      <c r="D351" s="340"/>
      <c r="E351" s="340"/>
      <c r="F351" s="340"/>
      <c r="G351" s="340"/>
      <c r="H351" s="340"/>
      <c r="I351" s="340"/>
      <c r="J351" s="340"/>
      <c r="K351" s="340"/>
      <c r="L351" s="340"/>
      <c r="M351" s="340"/>
      <c r="N351" s="340"/>
      <c r="O351" s="340"/>
      <c r="P351" s="340"/>
      <c r="Q351" s="340"/>
      <c r="R351" s="340"/>
      <c r="S351" s="340"/>
      <c r="T351" s="340"/>
      <c r="U351" s="340"/>
      <c r="V351" s="340"/>
      <c r="W351" s="340"/>
      <c r="X351" s="340"/>
      <c r="Y351" s="340"/>
      <c r="Z351" s="340"/>
      <c r="AA351" s="340"/>
      <c r="AB351" s="340"/>
      <c r="AC351" s="340"/>
      <c r="AD351" s="340"/>
      <c r="AE351" s="340"/>
      <c r="AF351" s="340"/>
      <c r="AG351" s="340"/>
      <c r="AH351" s="340"/>
      <c r="AI351" s="340"/>
      <c r="AJ351" s="340"/>
      <c r="AK351" s="340"/>
      <c r="AL351" s="340"/>
      <c r="AM351" s="340"/>
      <c r="AN351" s="340"/>
      <c r="AO351" s="340"/>
      <c r="AP351" s="340"/>
      <c r="AQ351" s="340"/>
      <c r="AR351" s="340"/>
      <c r="AS351" s="340"/>
      <c r="AT351" s="340"/>
    </row>
    <row r="352" spans="1:46" ht="66" customHeight="1">
      <c r="A352" s="408" t="s">
        <v>606</v>
      </c>
      <c r="B352" s="408"/>
      <c r="C352" s="408"/>
      <c r="D352" s="408"/>
      <c r="E352" s="408"/>
      <c r="F352" s="408"/>
      <c r="G352" s="408"/>
      <c r="H352" s="408"/>
      <c r="I352" s="408"/>
      <c r="J352" s="408"/>
      <c r="K352" s="408"/>
      <c r="L352" s="408"/>
      <c r="M352" s="408"/>
      <c r="N352" s="408"/>
      <c r="O352" s="408"/>
      <c r="P352" s="408"/>
      <c r="Q352" s="408"/>
      <c r="R352" s="408"/>
      <c r="S352" s="408"/>
      <c r="T352" s="408"/>
      <c r="U352" s="408"/>
      <c r="V352" s="408"/>
      <c r="W352" s="408"/>
      <c r="X352" s="408"/>
      <c r="Y352" s="408"/>
      <c r="Z352" s="408"/>
      <c r="AA352" s="408"/>
      <c r="AB352" s="408"/>
      <c r="AC352" s="408"/>
      <c r="AD352" s="408"/>
      <c r="AE352" s="408"/>
      <c r="AF352" s="408"/>
      <c r="AG352" s="408"/>
      <c r="AH352" s="408"/>
      <c r="AI352" s="408"/>
      <c r="AJ352" s="408"/>
      <c r="AK352" s="408"/>
      <c r="AL352" s="408"/>
      <c r="AM352" s="408"/>
      <c r="AN352" s="408"/>
      <c r="AO352" s="408"/>
      <c r="AP352" s="408"/>
      <c r="AQ352" s="408"/>
      <c r="AR352" s="408"/>
      <c r="AS352" s="408"/>
      <c r="AT352" s="408"/>
    </row>
    <row r="353" spans="1:46" ht="32.25" customHeight="1">
      <c r="A353" s="63"/>
      <c r="B353" s="386" t="s">
        <v>291</v>
      </c>
      <c r="C353" s="387"/>
      <c r="D353" s="387"/>
      <c r="E353" s="387"/>
      <c r="F353" s="387"/>
      <c r="G353" s="387"/>
      <c r="H353" s="387"/>
      <c r="I353" s="387"/>
      <c r="J353" s="388"/>
      <c r="K353" s="386" t="s">
        <v>292</v>
      </c>
      <c r="L353" s="387"/>
      <c r="M353" s="387"/>
      <c r="N353" s="387"/>
      <c r="O353" s="387"/>
      <c r="P353" s="387"/>
      <c r="Q353" s="387"/>
      <c r="R353" s="387"/>
      <c r="S353" s="388"/>
      <c r="T353" s="386" t="s">
        <v>293</v>
      </c>
      <c r="U353" s="387"/>
      <c r="V353" s="387"/>
      <c r="W353" s="387"/>
      <c r="X353" s="387"/>
      <c r="Y353" s="387"/>
      <c r="Z353" s="387"/>
      <c r="AA353" s="387"/>
      <c r="AB353" s="388"/>
      <c r="AC353" s="386" t="s">
        <v>294</v>
      </c>
      <c r="AD353" s="387"/>
      <c r="AE353" s="387"/>
      <c r="AF353" s="387"/>
      <c r="AG353" s="387"/>
      <c r="AH353" s="387"/>
      <c r="AI353" s="387"/>
      <c r="AJ353" s="387"/>
      <c r="AK353" s="388"/>
      <c r="AL353" s="386" t="s">
        <v>295</v>
      </c>
      <c r="AM353" s="387"/>
      <c r="AN353" s="387"/>
      <c r="AO353" s="387"/>
      <c r="AP353" s="387"/>
      <c r="AQ353" s="387"/>
      <c r="AR353" s="387"/>
      <c r="AS353" s="387"/>
      <c r="AT353" s="388"/>
    </row>
    <row r="354" spans="1:46" ht="60.75" customHeight="1">
      <c r="A354" s="36" t="s">
        <v>70</v>
      </c>
      <c r="B354" s="37" t="s">
        <v>71</v>
      </c>
      <c r="C354" s="37" t="s">
        <v>229</v>
      </c>
      <c r="D354" s="88" t="s">
        <v>296</v>
      </c>
      <c r="E354" s="37" t="s">
        <v>297</v>
      </c>
      <c r="F354" s="88" t="s">
        <v>270</v>
      </c>
      <c r="G354" s="37" t="s">
        <v>298</v>
      </c>
      <c r="H354" s="88" t="s">
        <v>271</v>
      </c>
      <c r="I354" s="37" t="s">
        <v>301</v>
      </c>
      <c r="J354" s="88" t="s">
        <v>315</v>
      </c>
      <c r="K354" s="64" t="s">
        <v>71</v>
      </c>
      <c r="L354" s="64" t="s">
        <v>345</v>
      </c>
      <c r="M354" s="87" t="s">
        <v>346</v>
      </c>
      <c r="N354" s="64" t="s">
        <v>342</v>
      </c>
      <c r="O354" s="87" t="s">
        <v>344</v>
      </c>
      <c r="P354" s="64" t="s">
        <v>347</v>
      </c>
      <c r="Q354" s="87" t="s">
        <v>348</v>
      </c>
      <c r="R354" s="265" t="s">
        <v>301</v>
      </c>
      <c r="S354" s="87" t="s">
        <v>315</v>
      </c>
      <c r="T354" s="37" t="s">
        <v>71</v>
      </c>
      <c r="U354" s="37" t="s">
        <v>345</v>
      </c>
      <c r="V354" s="88" t="s">
        <v>346</v>
      </c>
      <c r="W354" s="37" t="s">
        <v>342</v>
      </c>
      <c r="X354" s="88" t="s">
        <v>344</v>
      </c>
      <c r="Y354" s="37" t="s">
        <v>347</v>
      </c>
      <c r="Z354" s="88" t="s">
        <v>348</v>
      </c>
      <c r="AA354" s="37" t="s">
        <v>301</v>
      </c>
      <c r="AB354" s="88" t="s">
        <v>315</v>
      </c>
      <c r="AC354" s="64" t="s">
        <v>71</v>
      </c>
      <c r="AD354" s="64" t="s">
        <v>345</v>
      </c>
      <c r="AE354" s="87" t="s">
        <v>346</v>
      </c>
      <c r="AF354" s="64" t="s">
        <v>342</v>
      </c>
      <c r="AG354" s="87" t="s">
        <v>344</v>
      </c>
      <c r="AH354" s="64" t="s">
        <v>347</v>
      </c>
      <c r="AI354" s="87" t="s">
        <v>348</v>
      </c>
      <c r="AJ354" s="64" t="s">
        <v>301</v>
      </c>
      <c r="AK354" s="87" t="s">
        <v>315</v>
      </c>
      <c r="AL354" s="37" t="s">
        <v>71</v>
      </c>
      <c r="AM354" s="37" t="s">
        <v>345</v>
      </c>
      <c r="AN354" s="88" t="s">
        <v>346</v>
      </c>
      <c r="AO354" s="37" t="s">
        <v>342</v>
      </c>
      <c r="AP354" s="88" t="s">
        <v>344</v>
      </c>
      <c r="AQ354" s="37" t="s">
        <v>347</v>
      </c>
      <c r="AR354" s="88" t="s">
        <v>348</v>
      </c>
      <c r="AS354" s="37" t="s">
        <v>301</v>
      </c>
      <c r="AT354" s="88" t="s">
        <v>315</v>
      </c>
    </row>
    <row r="355" spans="1:46" ht="72">
      <c r="A355" s="40"/>
      <c r="B355" s="41" t="s">
        <v>73</v>
      </c>
      <c r="C355" s="41" t="s">
        <v>159</v>
      </c>
      <c r="D355" s="90" t="s">
        <v>87</v>
      </c>
      <c r="E355" s="41" t="s">
        <v>160</v>
      </c>
      <c r="F355" s="90" t="s">
        <v>87</v>
      </c>
      <c r="G355" s="41" t="s">
        <v>161</v>
      </c>
      <c r="H355" s="90" t="s">
        <v>87</v>
      </c>
      <c r="I355" s="41" t="s">
        <v>301</v>
      </c>
      <c r="J355" s="90" t="s">
        <v>87</v>
      </c>
      <c r="K355" s="67" t="s">
        <v>73</v>
      </c>
      <c r="L355" s="67" t="s">
        <v>341</v>
      </c>
      <c r="M355" s="89" t="s">
        <v>87</v>
      </c>
      <c r="N355" s="67" t="s">
        <v>343</v>
      </c>
      <c r="O355" s="89" t="s">
        <v>87</v>
      </c>
      <c r="P355" s="67" t="s">
        <v>159</v>
      </c>
      <c r="Q355" s="89" t="s">
        <v>87</v>
      </c>
      <c r="R355" s="266" t="s">
        <v>301</v>
      </c>
      <c r="S355" s="89" t="s">
        <v>87</v>
      </c>
      <c r="T355" s="41" t="s">
        <v>73</v>
      </c>
      <c r="U355" s="41" t="s">
        <v>341</v>
      </c>
      <c r="V355" s="90" t="s">
        <v>87</v>
      </c>
      <c r="W355" s="41" t="s">
        <v>343</v>
      </c>
      <c r="X355" s="90" t="s">
        <v>87</v>
      </c>
      <c r="Y355" s="41" t="s">
        <v>159</v>
      </c>
      <c r="Z355" s="90" t="s">
        <v>87</v>
      </c>
      <c r="AA355" s="41" t="s">
        <v>301</v>
      </c>
      <c r="AB355" s="90" t="s">
        <v>87</v>
      </c>
      <c r="AC355" s="67" t="s">
        <v>73</v>
      </c>
      <c r="AD355" s="67" t="s">
        <v>341</v>
      </c>
      <c r="AE355" s="89" t="s">
        <v>87</v>
      </c>
      <c r="AF355" s="67" t="s">
        <v>343</v>
      </c>
      <c r="AG355" s="89" t="s">
        <v>87</v>
      </c>
      <c r="AH355" s="67" t="s">
        <v>159</v>
      </c>
      <c r="AI355" s="89" t="s">
        <v>87</v>
      </c>
      <c r="AJ355" s="67" t="s">
        <v>301</v>
      </c>
      <c r="AK355" s="89" t="s">
        <v>87</v>
      </c>
      <c r="AL355" s="41" t="s">
        <v>73</v>
      </c>
      <c r="AM355" s="41" t="s">
        <v>341</v>
      </c>
      <c r="AN355" s="90" t="s">
        <v>87</v>
      </c>
      <c r="AO355" s="41" t="s">
        <v>343</v>
      </c>
      <c r="AP355" s="90" t="s">
        <v>87</v>
      </c>
      <c r="AQ355" s="41" t="s">
        <v>159</v>
      </c>
      <c r="AR355" s="90" t="s">
        <v>87</v>
      </c>
      <c r="AS355" s="41" t="s">
        <v>301</v>
      </c>
      <c r="AT355" s="90" t="s">
        <v>87</v>
      </c>
    </row>
    <row r="356" spans="1:46">
      <c r="A356" s="44" t="s">
        <v>349</v>
      </c>
      <c r="B356" s="205">
        <v>13815</v>
      </c>
      <c r="C356" s="211">
        <v>0.17605007959171437</v>
      </c>
      <c r="D356" s="93">
        <v>6.4811358179529301E-3</v>
      </c>
      <c r="E356" s="211">
        <v>0.16946925553153369</v>
      </c>
      <c r="F356" s="93">
        <v>6.3842891049194304E-3</v>
      </c>
      <c r="G356" s="211">
        <v>0.63870561427551786</v>
      </c>
      <c r="H356" s="93">
        <v>8.1730308757066942E-3</v>
      </c>
      <c r="I356" s="211">
        <v>1.5775050601248168E-2</v>
      </c>
      <c r="J356" s="93">
        <v>2.1291887836995919E-3</v>
      </c>
      <c r="K356" s="205">
        <v>13921</v>
      </c>
      <c r="L356" s="211">
        <v>0.43128119612438104</v>
      </c>
      <c r="M356" s="93">
        <v>8.3939011557169537E-3</v>
      </c>
      <c r="N356" s="211">
        <v>0.1965196850115149</v>
      </c>
      <c r="O356" s="93">
        <v>6.7359024248441375E-3</v>
      </c>
      <c r="P356" s="211">
        <v>0.31453606611118429</v>
      </c>
      <c r="Q356" s="93">
        <v>7.8700922431527674E-3</v>
      </c>
      <c r="R356" s="211">
        <v>5.766305275293792E-2</v>
      </c>
      <c r="S356" s="93">
        <v>3.9548771967590525E-3</v>
      </c>
      <c r="T356" s="205">
        <v>13959</v>
      </c>
      <c r="U356" s="211">
        <v>0.46530097545906712</v>
      </c>
      <c r="V356" s="93">
        <v>8.4423413112719187E-3</v>
      </c>
      <c r="W356" s="211">
        <v>0.14101964844660053</v>
      </c>
      <c r="X356" s="93">
        <v>5.8925645984896653E-3</v>
      </c>
      <c r="Y356" s="211">
        <v>0.2613093717616628</v>
      </c>
      <c r="Z356" s="93">
        <v>7.4368004297950176E-3</v>
      </c>
      <c r="AA356" s="211">
        <v>0.13237000433268897</v>
      </c>
      <c r="AB356" s="93">
        <v>5.7378479356672771E-3</v>
      </c>
      <c r="AC356" s="205">
        <v>13948</v>
      </c>
      <c r="AD356" s="211">
        <v>0.44480379197614073</v>
      </c>
      <c r="AE356" s="93">
        <v>8.4143540884781837E-3</v>
      </c>
      <c r="AF356" s="211">
        <v>0.16659488456625371</v>
      </c>
      <c r="AG356" s="93">
        <v>6.3105951983046978E-3</v>
      </c>
      <c r="AH356" s="211">
        <v>0.25628978034163385</v>
      </c>
      <c r="AI356" s="93">
        <v>7.3929551400165189E-3</v>
      </c>
      <c r="AJ356" s="211">
        <v>0.1323115431159905</v>
      </c>
      <c r="AK356" s="93">
        <v>5.7390379031784225E-3</v>
      </c>
      <c r="AL356" s="205">
        <v>13958</v>
      </c>
      <c r="AM356" s="211">
        <v>0.33216717297934245</v>
      </c>
      <c r="AN356" s="93">
        <v>7.9723106183940337E-3</v>
      </c>
      <c r="AO356" s="211">
        <v>0.17903716103535486</v>
      </c>
      <c r="AP356" s="93">
        <v>6.4904781822776054E-3</v>
      </c>
      <c r="AQ356" s="211">
        <v>0.28159880985013375</v>
      </c>
      <c r="AR356" s="93">
        <v>7.6135015105054148E-3</v>
      </c>
      <c r="AS356" s="211">
        <v>0.2071968561351886</v>
      </c>
      <c r="AT356" s="93">
        <v>6.861125455814774E-3</v>
      </c>
    </row>
    <row r="357" spans="1:46">
      <c r="A357" s="48" t="s">
        <v>350</v>
      </c>
      <c r="B357" s="208">
        <v>10146</v>
      </c>
      <c r="C357" s="212">
        <v>0.17890590456310965</v>
      </c>
      <c r="D357" s="96">
        <v>7.6107217103005302E-3</v>
      </c>
      <c r="E357" s="212">
        <v>0.17435877600897257</v>
      </c>
      <c r="F357" s="96">
        <v>7.53425953443684E-3</v>
      </c>
      <c r="G357" s="212">
        <v>0.63467323718153379</v>
      </c>
      <c r="H357" s="96">
        <v>9.5593023108101489E-3</v>
      </c>
      <c r="I357" s="212">
        <v>1.2062082246376926E-2</v>
      </c>
      <c r="J357" s="96">
        <v>2.184062594288781E-3</v>
      </c>
      <c r="K357" s="208">
        <v>10142</v>
      </c>
      <c r="L357" s="212">
        <v>0.46804500608368454</v>
      </c>
      <c r="M357" s="96">
        <v>9.9075100559377436E-3</v>
      </c>
      <c r="N357" s="212">
        <v>0.18959537622605446</v>
      </c>
      <c r="O357" s="96">
        <v>7.7849300255473609E-3</v>
      </c>
      <c r="P357" s="212">
        <v>0.28124422579891456</v>
      </c>
      <c r="Q357" s="96">
        <v>8.9280285035615893E-3</v>
      </c>
      <c r="R357" s="212">
        <v>6.1115391891346259E-2</v>
      </c>
      <c r="S357" s="96">
        <v>4.7625315480819518E-3</v>
      </c>
      <c r="T357" s="208">
        <v>10176</v>
      </c>
      <c r="U357" s="212">
        <v>0.56522380655885374</v>
      </c>
      <c r="V357" s="96">
        <v>9.8265747207698408E-3</v>
      </c>
      <c r="W357" s="212">
        <v>0.12027747431701769</v>
      </c>
      <c r="X357" s="96">
        <v>6.4513927761144828E-3</v>
      </c>
      <c r="Y357" s="212">
        <v>0.18078926181125976</v>
      </c>
      <c r="Z357" s="96">
        <v>7.630580702799949E-3</v>
      </c>
      <c r="AA357" s="212">
        <v>0.13370945731286588</v>
      </c>
      <c r="AB357" s="96">
        <v>6.7494205460137471E-3</v>
      </c>
      <c r="AC357" s="208">
        <v>10161</v>
      </c>
      <c r="AD357" s="212">
        <v>0.52526685976089205</v>
      </c>
      <c r="AE357" s="96">
        <v>9.9058447500712226E-3</v>
      </c>
      <c r="AF357" s="212">
        <v>0.15841249905892282</v>
      </c>
      <c r="AG357" s="96">
        <v>7.245529966462042E-3</v>
      </c>
      <c r="AH357" s="212">
        <v>0.18203124717061997</v>
      </c>
      <c r="AI357" s="96">
        <v>7.6565588255011431E-3</v>
      </c>
      <c r="AJ357" s="212">
        <v>0.1342893940095623</v>
      </c>
      <c r="AK357" s="96">
        <v>6.7667480904239682E-3</v>
      </c>
      <c r="AL357" s="208">
        <v>10165</v>
      </c>
      <c r="AM357" s="212">
        <v>0.38645328584310518</v>
      </c>
      <c r="AN357" s="96">
        <v>9.6576725982852451E-3</v>
      </c>
      <c r="AO357" s="212">
        <v>0.17138669573291548</v>
      </c>
      <c r="AP357" s="96">
        <v>7.4762740252015646E-3</v>
      </c>
      <c r="AQ357" s="212">
        <v>0.21890347432413532</v>
      </c>
      <c r="AR357" s="96">
        <v>8.2025420700415439E-3</v>
      </c>
      <c r="AS357" s="212">
        <v>0.22325654409984214</v>
      </c>
      <c r="AT357" s="96">
        <v>8.2605162700504671E-3</v>
      </c>
    </row>
    <row r="358" spans="1:46">
      <c r="A358" s="44" t="s">
        <v>351</v>
      </c>
      <c r="B358" s="205">
        <v>3669</v>
      </c>
      <c r="C358" s="211">
        <v>0.1737197336605466</v>
      </c>
      <c r="D358" s="93">
        <v>1.2512903649788814E-2</v>
      </c>
      <c r="E358" s="211">
        <v>0.16547941922711129</v>
      </c>
      <c r="F358" s="93">
        <v>1.2274187699993633E-2</v>
      </c>
      <c r="G358" s="211">
        <v>0.64199602375366893</v>
      </c>
      <c r="H358" s="93">
        <v>1.5822353760000834E-2</v>
      </c>
      <c r="I358" s="211">
        <v>1.8804823358672732E-2</v>
      </c>
      <c r="J358" s="93">
        <v>4.5434351275649449E-3</v>
      </c>
      <c r="K358" s="205">
        <v>3779</v>
      </c>
      <c r="L358" s="211">
        <v>0.40215772574423952</v>
      </c>
      <c r="M358" s="93">
        <v>1.5944893310416271E-2</v>
      </c>
      <c r="N358" s="211">
        <v>0.20200496801235687</v>
      </c>
      <c r="O358" s="93">
        <v>1.3063081311942658E-2</v>
      </c>
      <c r="P358" s="211">
        <v>0.34090911956530839</v>
      </c>
      <c r="Q358" s="93">
        <v>1.5415424161120156E-2</v>
      </c>
      <c r="R358" s="211">
        <v>5.4928186678095001E-2</v>
      </c>
      <c r="S358" s="93">
        <v>7.438514404945311E-3</v>
      </c>
      <c r="T358" s="205">
        <v>3783</v>
      </c>
      <c r="U358" s="211">
        <v>0.38586221827091144</v>
      </c>
      <c r="V358" s="93">
        <v>1.5821825218067829E-2</v>
      </c>
      <c r="W358" s="211">
        <v>0.15750969897957753</v>
      </c>
      <c r="X358" s="93">
        <v>1.1850136162261415E-2</v>
      </c>
      <c r="Y358" s="211">
        <v>0.32532294496320185</v>
      </c>
      <c r="Z358" s="93">
        <v>1.5228298704807647E-2</v>
      </c>
      <c r="AA358" s="211">
        <v>0.13130513778630981</v>
      </c>
      <c r="AB358" s="93">
        <v>1.0990122562692011E-2</v>
      </c>
      <c r="AC358" s="205">
        <v>3787</v>
      </c>
      <c r="AD358" s="211">
        <v>0.38108302459246834</v>
      </c>
      <c r="AE358" s="93">
        <v>1.5776351014167397E-2</v>
      </c>
      <c r="AF358" s="211">
        <v>0.17307472554062964</v>
      </c>
      <c r="AG358" s="93">
        <v>1.2298292518352566E-2</v>
      </c>
      <c r="AH358" s="211">
        <v>0.31509701760853898</v>
      </c>
      <c r="AI358" s="93">
        <v>1.5092539554168909E-2</v>
      </c>
      <c r="AJ358" s="211">
        <v>0.13074523225836387</v>
      </c>
      <c r="AK358" s="93">
        <v>1.0964487741235469E-2</v>
      </c>
      <c r="AL358" s="205">
        <v>3793</v>
      </c>
      <c r="AM358" s="211">
        <v>0.28915283208325138</v>
      </c>
      <c r="AN358" s="93">
        <v>1.4718393877672481E-2</v>
      </c>
      <c r="AO358" s="211">
        <v>0.1850991114158935</v>
      </c>
      <c r="AP358" s="93">
        <v>1.2614343958275053E-2</v>
      </c>
      <c r="AQ358" s="211">
        <v>0.33127631285493792</v>
      </c>
      <c r="AR358" s="93">
        <v>1.5278720826906535E-2</v>
      </c>
      <c r="AS358" s="211">
        <v>0.19447174364591735</v>
      </c>
      <c r="AT358" s="93">
        <v>1.2854365769488301E-2</v>
      </c>
    </row>
    <row r="359" spans="1:46">
      <c r="A359" s="48" t="s">
        <v>558</v>
      </c>
      <c r="B359" s="208">
        <v>331</v>
      </c>
      <c r="C359" s="212">
        <v>0.11233592107826983</v>
      </c>
      <c r="D359" s="96">
        <v>3.5117541497173881E-2</v>
      </c>
      <c r="E359" s="212">
        <v>0.24714062416809848</v>
      </c>
      <c r="F359" s="96">
        <v>4.7326102071699863E-2</v>
      </c>
      <c r="G359" s="212">
        <v>0.61823132311581652</v>
      </c>
      <c r="H359" s="96">
        <v>5.3123700160524451E-2</v>
      </c>
      <c r="I359" s="212">
        <v>2.2292131637815901E-2</v>
      </c>
      <c r="J359" s="96">
        <v>1.8025628264084655E-2</v>
      </c>
      <c r="K359" s="208">
        <v>338</v>
      </c>
      <c r="L359" s="212">
        <v>0.35309729633038706</v>
      </c>
      <c r="M359" s="96">
        <v>5.1744022267947665E-2</v>
      </c>
      <c r="N359" s="212">
        <v>0.19633198074004554</v>
      </c>
      <c r="O359" s="96">
        <v>4.3249605826070334E-2</v>
      </c>
      <c r="P359" s="212">
        <v>0.38007292933494169</v>
      </c>
      <c r="Q359" s="96">
        <v>5.2532581155030574E-2</v>
      </c>
      <c r="R359" s="212">
        <v>7.0497793594626032E-2</v>
      </c>
      <c r="S359" s="96">
        <v>2.857589829550226E-2</v>
      </c>
      <c r="T359" s="208">
        <v>339</v>
      </c>
      <c r="U359" s="212">
        <v>0.37593491071864021</v>
      </c>
      <c r="V359" s="96">
        <v>5.2346096596002603E-2</v>
      </c>
      <c r="W359" s="212">
        <v>0.13835050554785841</v>
      </c>
      <c r="X359" s="96">
        <v>3.7756679932151233E-2</v>
      </c>
      <c r="Y359" s="212">
        <v>0.31439168044083621</v>
      </c>
      <c r="Z359" s="96">
        <v>5.0229604076214698E-2</v>
      </c>
      <c r="AA359" s="212">
        <v>0.17132290329266608</v>
      </c>
      <c r="AB359" s="96">
        <v>4.104698193208834E-2</v>
      </c>
      <c r="AC359" s="208">
        <v>337</v>
      </c>
      <c r="AD359" s="212">
        <v>0.34454197746227772</v>
      </c>
      <c r="AE359" s="96">
        <v>5.1533259508896166E-2</v>
      </c>
      <c r="AF359" s="212">
        <v>0.18482531023604376</v>
      </c>
      <c r="AG359" s="96">
        <v>4.2361617182542749E-2</v>
      </c>
      <c r="AH359" s="212">
        <v>0.29918720003959881</v>
      </c>
      <c r="AI359" s="96">
        <v>4.9704667966595922E-2</v>
      </c>
      <c r="AJ359" s="212">
        <v>0.1714455122620808</v>
      </c>
      <c r="AK359" s="96">
        <v>4.1180469816105146E-2</v>
      </c>
      <c r="AL359" s="208">
        <v>339</v>
      </c>
      <c r="AM359" s="212">
        <v>0.28101429017043922</v>
      </c>
      <c r="AN359" s="96">
        <v>4.867422676106261E-2</v>
      </c>
      <c r="AO359" s="212">
        <v>0.20203134051623309</v>
      </c>
      <c r="AP359" s="96">
        <v>4.363556979058833E-2</v>
      </c>
      <c r="AQ359" s="212">
        <v>0.28805496184313156</v>
      </c>
      <c r="AR359" s="96">
        <v>4.9027974972259303E-2</v>
      </c>
      <c r="AS359" s="212">
        <v>0.22889940747019721</v>
      </c>
      <c r="AT359" s="96">
        <v>4.5587663283121069E-2</v>
      </c>
    </row>
    <row r="360" spans="1:46">
      <c r="A360" s="44" t="s">
        <v>559</v>
      </c>
      <c r="B360" s="205">
        <v>3588</v>
      </c>
      <c r="C360" s="211">
        <v>0.16089361997874366</v>
      </c>
      <c r="D360" s="93">
        <v>1.2273009383017085E-2</v>
      </c>
      <c r="E360" s="211">
        <v>0.16194641634495743</v>
      </c>
      <c r="F360" s="93">
        <v>1.2305237921892725E-2</v>
      </c>
      <c r="G360" s="211">
        <v>0.66181466447251158</v>
      </c>
      <c r="H360" s="93">
        <v>1.5789339039454616E-2</v>
      </c>
      <c r="I360" s="211">
        <v>1.5345299203795831E-2</v>
      </c>
      <c r="J360" s="93">
        <v>4.1723277627080399E-3</v>
      </c>
      <c r="K360" s="205">
        <v>3603</v>
      </c>
      <c r="L360" s="211">
        <v>0.37787700934443835</v>
      </c>
      <c r="M360" s="93">
        <v>1.6147333667016713E-2</v>
      </c>
      <c r="N360" s="211">
        <v>0.21080988400478837</v>
      </c>
      <c r="O360" s="93">
        <v>1.3590488193166416E-2</v>
      </c>
      <c r="P360" s="211">
        <v>0.35257508330017051</v>
      </c>
      <c r="Q360" s="93">
        <v>1.5911944814864125E-2</v>
      </c>
      <c r="R360" s="211">
        <v>5.8738023350620117E-2</v>
      </c>
      <c r="S360" s="93">
        <v>7.8606862325523909E-3</v>
      </c>
      <c r="T360" s="205">
        <v>3613</v>
      </c>
      <c r="U360" s="211">
        <v>0.44101181669082551</v>
      </c>
      <c r="V360" s="93">
        <v>1.6511591795813876E-2</v>
      </c>
      <c r="W360" s="211">
        <v>0.13870921438853556</v>
      </c>
      <c r="X360" s="93">
        <v>1.1508192762531974E-2</v>
      </c>
      <c r="Y360" s="211">
        <v>0.28048152390010078</v>
      </c>
      <c r="Z360" s="93">
        <v>1.4943193943822481E-2</v>
      </c>
      <c r="AA360" s="211">
        <v>0.13979744502055338</v>
      </c>
      <c r="AB360" s="93">
        <v>1.154577287020841E-2</v>
      </c>
      <c r="AC360" s="205">
        <v>3609</v>
      </c>
      <c r="AD360" s="211">
        <v>0.44211633555223995</v>
      </c>
      <c r="AE360" s="93">
        <v>1.6525044814035748E-2</v>
      </c>
      <c r="AF360" s="211">
        <v>0.15911824719840637</v>
      </c>
      <c r="AG360" s="93">
        <v>1.21826119256539E-2</v>
      </c>
      <c r="AH360" s="211">
        <v>0.27119388291005375</v>
      </c>
      <c r="AI360" s="93">
        <v>1.479684799450204E-2</v>
      </c>
      <c r="AJ360" s="211">
        <v>0.12757153433931603</v>
      </c>
      <c r="AK360" s="93">
        <v>1.1115675788504626E-2</v>
      </c>
      <c r="AL360" s="205">
        <v>3605</v>
      </c>
      <c r="AM360" s="211">
        <v>0.33889635459140338</v>
      </c>
      <c r="AN360" s="93">
        <v>1.5760155649724435E-2</v>
      </c>
      <c r="AO360" s="211">
        <v>0.1602149029589662</v>
      </c>
      <c r="AP360" s="93">
        <v>1.2223188626353246E-2</v>
      </c>
      <c r="AQ360" s="211">
        <v>0.29064036733833376</v>
      </c>
      <c r="AR360" s="93">
        <v>1.5119937996689557E-2</v>
      </c>
      <c r="AS360" s="211">
        <v>0.21024837511131217</v>
      </c>
      <c r="AT360" s="93">
        <v>1.357348140619573E-2</v>
      </c>
    </row>
    <row r="361" spans="1:46">
      <c r="A361" s="48" t="s">
        <v>560</v>
      </c>
      <c r="B361" s="208">
        <v>2948</v>
      </c>
      <c r="C361" s="212">
        <v>0.18061514161863049</v>
      </c>
      <c r="D361" s="96">
        <v>1.417417619399095E-2</v>
      </c>
      <c r="E361" s="212">
        <v>0.17986733697813351</v>
      </c>
      <c r="F361" s="96">
        <v>1.4151360780599012E-2</v>
      </c>
      <c r="G361" s="212">
        <v>0.62558518523274376</v>
      </c>
      <c r="H361" s="96">
        <v>1.7816859417028475E-2</v>
      </c>
      <c r="I361" s="212">
        <v>1.3932336170489551E-2</v>
      </c>
      <c r="J361" s="96">
        <v>4.4138959245743868E-3</v>
      </c>
      <c r="K361" s="208">
        <v>2948</v>
      </c>
      <c r="L361" s="212">
        <v>0.4454671057547448</v>
      </c>
      <c r="M361" s="96">
        <v>1.8295756655646509E-2</v>
      </c>
      <c r="N361" s="212">
        <v>0.21541354789463729</v>
      </c>
      <c r="O361" s="96">
        <v>1.5142945184414025E-2</v>
      </c>
      <c r="P361" s="212">
        <v>0.27559390825999558</v>
      </c>
      <c r="Q361" s="96">
        <v>1.6453032657947491E-2</v>
      </c>
      <c r="R361" s="212">
        <v>6.3525438090618114E-2</v>
      </c>
      <c r="S361" s="96">
        <v>9.0171392357523382E-3</v>
      </c>
      <c r="T361" s="208">
        <v>2955</v>
      </c>
      <c r="U361" s="212">
        <v>0.56962901277510591</v>
      </c>
      <c r="V361" s="96">
        <v>1.8204831307112378E-2</v>
      </c>
      <c r="W361" s="212">
        <v>0.11751000131571981</v>
      </c>
      <c r="X361" s="96">
        <v>1.1862491903971421E-2</v>
      </c>
      <c r="Y361" s="212">
        <v>0.17189508730773606</v>
      </c>
      <c r="Z361" s="96">
        <v>1.3885936220042517E-2</v>
      </c>
      <c r="AA361" s="212">
        <v>0.14096589860143519</v>
      </c>
      <c r="AB361" s="96">
        <v>1.2812780320116561E-2</v>
      </c>
      <c r="AC361" s="208">
        <v>2950</v>
      </c>
      <c r="AD361" s="212">
        <v>0.55531695371901202</v>
      </c>
      <c r="AE361" s="96">
        <v>1.828638186390431E-2</v>
      </c>
      <c r="AF361" s="212">
        <v>0.1414647562068527</v>
      </c>
      <c r="AG361" s="96">
        <v>1.2842484856107684E-2</v>
      </c>
      <c r="AH361" s="212">
        <v>0.16887958600401254</v>
      </c>
      <c r="AI361" s="96">
        <v>1.3800787834572502E-2</v>
      </c>
      <c r="AJ361" s="212">
        <v>0.13433870407011966</v>
      </c>
      <c r="AK361" s="96">
        <v>1.2568225670294022E-2</v>
      </c>
      <c r="AL361" s="208">
        <v>2947</v>
      </c>
      <c r="AM361" s="212">
        <v>0.41195761258204305</v>
      </c>
      <c r="AN361" s="96">
        <v>1.8121527234966756E-2</v>
      </c>
      <c r="AO361" s="212">
        <v>0.15900840122057006</v>
      </c>
      <c r="AP361" s="96">
        <v>1.3479139440568312E-2</v>
      </c>
      <c r="AQ361" s="212">
        <v>0.20181262508344971</v>
      </c>
      <c r="AR361" s="96">
        <v>1.478755792849748E-2</v>
      </c>
      <c r="AS361" s="212">
        <v>0.22722136111393312</v>
      </c>
      <c r="AT361" s="96">
        <v>1.543642284027638E-2</v>
      </c>
    </row>
    <row r="362" spans="1:46">
      <c r="A362" s="44" t="s">
        <v>368</v>
      </c>
      <c r="B362" s="205">
        <v>158</v>
      </c>
      <c r="C362" s="211">
        <v>0.20225948935823174</v>
      </c>
      <c r="D362" s="93">
        <v>6.3958761939358094E-2</v>
      </c>
      <c r="E362" s="211">
        <v>0.20067243763374093</v>
      </c>
      <c r="F362" s="93">
        <v>6.3784538766664026E-2</v>
      </c>
      <c r="G362" s="211">
        <v>0.5796271788053553</v>
      </c>
      <c r="H362" s="93">
        <v>7.7613915853682519E-2</v>
      </c>
      <c r="I362" s="211">
        <v>1.7440894202672162E-2</v>
      </c>
      <c r="J362" s="93">
        <v>2.652469755225647E-2</v>
      </c>
      <c r="K362" s="205">
        <v>158</v>
      </c>
      <c r="L362" s="211">
        <v>0.48212599305390019</v>
      </c>
      <c r="M362" s="93">
        <v>7.851965263105154E-2</v>
      </c>
      <c r="N362" s="211">
        <v>0.20959430748867422</v>
      </c>
      <c r="O362" s="93">
        <v>6.4746005532434384E-2</v>
      </c>
      <c r="P362" s="211">
        <v>0.26800913021978551</v>
      </c>
      <c r="Q362" s="93">
        <v>7.006261582505785E-2</v>
      </c>
      <c r="R362" s="211">
        <v>4.0270569237639803E-2</v>
      </c>
      <c r="S362" s="93">
        <v>3.4768046662687284E-2</v>
      </c>
      <c r="T362" s="205">
        <v>159</v>
      </c>
      <c r="U362" s="211">
        <v>0.54376317397876939</v>
      </c>
      <c r="V362" s="93">
        <v>7.8040044707528622E-2</v>
      </c>
      <c r="W362" s="211">
        <v>9.7641380085310731E-2</v>
      </c>
      <c r="X362" s="93">
        <v>4.852567231470839E-2</v>
      </c>
      <c r="Y362" s="211">
        <v>0.24532733972512344</v>
      </c>
      <c r="Z362" s="93">
        <v>6.7974372819463766E-2</v>
      </c>
      <c r="AA362" s="211">
        <v>0.11326810621079655</v>
      </c>
      <c r="AB362" s="93">
        <v>5.1406910344565362E-2</v>
      </c>
      <c r="AC362" s="205">
        <v>157</v>
      </c>
      <c r="AD362" s="211">
        <v>0.53663847666879738</v>
      </c>
      <c r="AE362" s="93">
        <v>7.8609577821459456E-2</v>
      </c>
      <c r="AF362" s="211">
        <v>0.14126584949487003</v>
      </c>
      <c r="AG362" s="93">
        <v>5.6309905039974226E-2</v>
      </c>
      <c r="AH362" s="211">
        <v>0.21783860686506665</v>
      </c>
      <c r="AI362" s="93">
        <v>6.5804497277611104E-2</v>
      </c>
      <c r="AJ362" s="211">
        <v>0.10425706697126592</v>
      </c>
      <c r="AK362" s="93">
        <v>5.0111142650292678E-2</v>
      </c>
      <c r="AL362" s="205">
        <v>159</v>
      </c>
      <c r="AM362" s="211">
        <v>0.37958665057025287</v>
      </c>
      <c r="AN362" s="93">
        <v>7.6134127595546386E-2</v>
      </c>
      <c r="AO362" s="211">
        <v>0.15327511271856772</v>
      </c>
      <c r="AP362" s="93">
        <v>5.7687487596484045E-2</v>
      </c>
      <c r="AQ362" s="211">
        <v>0.26687322860279217</v>
      </c>
      <c r="AR362" s="93">
        <v>6.9756204857151158E-2</v>
      </c>
      <c r="AS362" s="211">
        <v>0.20026500810838688</v>
      </c>
      <c r="AT362" s="93">
        <v>6.353863793072434E-2</v>
      </c>
    </row>
    <row r="363" spans="1:46">
      <c r="A363" s="48" t="s">
        <v>150</v>
      </c>
      <c r="B363" s="208">
        <v>273</v>
      </c>
      <c r="C363" s="212">
        <v>9.3208925520831321E-2</v>
      </c>
      <c r="D363" s="96">
        <v>3.5903137098158587E-2</v>
      </c>
      <c r="E363" s="212">
        <v>0.12365042335715082</v>
      </c>
      <c r="F363" s="96">
        <v>4.0291737179217468E-2</v>
      </c>
      <c r="G363" s="212">
        <v>0.76209362098340316</v>
      </c>
      <c r="H363" s="96">
        <v>5.1445042676909011E-2</v>
      </c>
      <c r="I363" s="212">
        <v>2.1047030138611825E-2</v>
      </c>
      <c r="J363" s="96">
        <v>1.9811884749473443E-2</v>
      </c>
      <c r="K363" s="208">
        <v>270</v>
      </c>
      <c r="L363" s="212">
        <v>0.36606512581238443</v>
      </c>
      <c r="M363" s="96">
        <v>5.8269619954381305E-2</v>
      </c>
      <c r="N363" s="212">
        <v>0.2183706947744517</v>
      </c>
      <c r="O363" s="96">
        <v>5.0252471974237434E-2</v>
      </c>
      <c r="P363" s="212">
        <v>0.34483997559549839</v>
      </c>
      <c r="Q363" s="96">
        <v>5.7518406460716202E-2</v>
      </c>
      <c r="R363" s="212">
        <v>7.0724203817664547E-2</v>
      </c>
      <c r="S363" s="96">
        <v>3.22090319430808E-2</v>
      </c>
      <c r="T363" s="208">
        <v>270</v>
      </c>
      <c r="U363" s="212">
        <v>0.61047353024706263</v>
      </c>
      <c r="V363" s="96">
        <v>5.8962976261359747E-2</v>
      </c>
      <c r="W363" s="212">
        <v>0.10772680584302143</v>
      </c>
      <c r="X363" s="96">
        <v>3.8319011098879696E-2</v>
      </c>
      <c r="Y363" s="212">
        <v>0.12727725946575105</v>
      </c>
      <c r="Z363" s="96">
        <v>4.0992125962649513E-2</v>
      </c>
      <c r="AA363" s="212">
        <v>0.15452240444416268</v>
      </c>
      <c r="AB363" s="96">
        <v>4.4246259303077448E-2</v>
      </c>
      <c r="AC363" s="208">
        <v>270</v>
      </c>
      <c r="AD363" s="212">
        <v>0.56131197638718211</v>
      </c>
      <c r="AE363" s="96">
        <v>5.9969553937180363E-2</v>
      </c>
      <c r="AF363" s="212">
        <v>0.17763221535641449</v>
      </c>
      <c r="AG363" s="96">
        <v>4.6653099896729146E-2</v>
      </c>
      <c r="AH363" s="212">
        <v>0.12295625925700739</v>
      </c>
      <c r="AI363" s="96">
        <v>4.0428080721900753E-2</v>
      </c>
      <c r="AJ363" s="212">
        <v>0.138099548999394</v>
      </c>
      <c r="AK363" s="96">
        <v>4.2344459787120002E-2</v>
      </c>
      <c r="AL363" s="208">
        <v>267</v>
      </c>
      <c r="AM363" s="212">
        <v>0.30829899168964792</v>
      </c>
      <c r="AN363" s="96">
        <v>5.6245057726209594E-2</v>
      </c>
      <c r="AO363" s="212">
        <v>0.19857690909952155</v>
      </c>
      <c r="AP363" s="96">
        <v>4.887009946518911E-2</v>
      </c>
      <c r="AQ363" s="212">
        <v>0.20321876183205501</v>
      </c>
      <c r="AR363" s="96">
        <v>4.9275463189883358E-2</v>
      </c>
      <c r="AS363" s="212">
        <v>0.28990533737877439</v>
      </c>
      <c r="AT363" s="96">
        <v>5.5295734315870516E-2</v>
      </c>
    </row>
    <row r="364" spans="1:46">
      <c r="A364" s="44" t="s">
        <v>352</v>
      </c>
      <c r="B364" s="205">
        <v>122</v>
      </c>
      <c r="C364" s="211">
        <v>9.9878358492508049E-2</v>
      </c>
      <c r="D364" s="93">
        <v>5.631719519152175E-2</v>
      </c>
      <c r="E364" s="211">
        <v>0.16883236914715283</v>
      </c>
      <c r="F364" s="93">
        <v>6.8354996159472534E-2</v>
      </c>
      <c r="G364" s="211">
        <v>0.70868737863528097</v>
      </c>
      <c r="H364" s="93">
        <v>8.1488297647181129E-2</v>
      </c>
      <c r="I364" s="211">
        <v>2.2601893725058074E-2</v>
      </c>
      <c r="J364" s="93">
        <v>3.3961588351622808E-2</v>
      </c>
      <c r="K364" s="205">
        <v>119</v>
      </c>
      <c r="L364" s="211">
        <v>0.46186674547245476</v>
      </c>
      <c r="M364" s="93">
        <v>8.9921175161539593E-2</v>
      </c>
      <c r="N364" s="211">
        <v>0.23602602254508334</v>
      </c>
      <c r="O364" s="93">
        <v>7.7517629741444827E-2</v>
      </c>
      <c r="P364" s="211">
        <v>0.25969186405358791</v>
      </c>
      <c r="Q364" s="93">
        <v>7.9826416282709201E-2</v>
      </c>
      <c r="R364" s="211">
        <v>4.2415367928872863E-2</v>
      </c>
      <c r="S364" s="93">
        <v>4.1910985033026912E-2</v>
      </c>
      <c r="T364" s="205">
        <v>119</v>
      </c>
      <c r="U364" s="211">
        <v>0.71747220790104194</v>
      </c>
      <c r="V364" s="93">
        <v>8.1795275836448952E-2</v>
      </c>
      <c r="W364" s="211">
        <v>0.12418050563188793</v>
      </c>
      <c r="X364" s="93">
        <v>6.1893350816596894E-2</v>
      </c>
      <c r="Y364" s="211">
        <v>7.1075825188387093E-2</v>
      </c>
      <c r="Z364" s="93">
        <v>5.029842643572778E-2</v>
      </c>
      <c r="AA364" s="211">
        <v>8.7271461278682377E-2</v>
      </c>
      <c r="AB364" s="93">
        <v>5.4266533154091925E-2</v>
      </c>
      <c r="AC364" s="205">
        <v>119</v>
      </c>
      <c r="AD364" s="211">
        <v>0.55714773079462399</v>
      </c>
      <c r="AE364" s="93">
        <v>8.9614004575453765E-2</v>
      </c>
      <c r="AF364" s="211">
        <v>0.20694683332522523</v>
      </c>
      <c r="AG364" s="93">
        <v>7.4269279001617186E-2</v>
      </c>
      <c r="AH364" s="211">
        <v>0.11001959694931614</v>
      </c>
      <c r="AI364" s="93">
        <v>5.9166606032391586E-2</v>
      </c>
      <c r="AJ364" s="211">
        <v>0.12588583893083349</v>
      </c>
      <c r="AK364" s="93">
        <v>6.2207038561604137E-2</v>
      </c>
      <c r="AL364" s="205">
        <v>117</v>
      </c>
      <c r="AM364" s="211">
        <v>0.31744306839908726</v>
      </c>
      <c r="AN364" s="93">
        <v>8.5055156910542024E-2</v>
      </c>
      <c r="AO364" s="211">
        <v>0.26726406115228124</v>
      </c>
      <c r="AP364" s="93">
        <v>8.1180548347735457E-2</v>
      </c>
      <c r="AQ364" s="211">
        <v>0.16023266082245283</v>
      </c>
      <c r="AR364" s="93">
        <v>6.8529903361924799E-2</v>
      </c>
      <c r="AS364" s="211">
        <v>0.25506020962617748</v>
      </c>
      <c r="AT364" s="93">
        <v>8.006311134664279E-2</v>
      </c>
    </row>
    <row r="365" spans="1:46">
      <c r="A365" s="48" t="s">
        <v>353</v>
      </c>
      <c r="B365" s="208">
        <v>116</v>
      </c>
      <c r="C365" s="212">
        <v>0.10086701870392976</v>
      </c>
      <c r="D365" s="96">
        <v>5.8062130830075859E-2</v>
      </c>
      <c r="E365" s="212">
        <v>7.6989640166917367E-2</v>
      </c>
      <c r="F365" s="96">
        <v>5.2533354495743791E-2</v>
      </c>
      <c r="G365" s="212">
        <v>0.80792496040583894</v>
      </c>
      <c r="H365" s="96">
        <v>7.3348040438459647E-2</v>
      </c>
      <c r="I365" s="212">
        <v>1.421838072331349E-2</v>
      </c>
      <c r="J365" s="96">
        <v>3.1350845963910079E-2</v>
      </c>
      <c r="K365" s="208">
        <v>116</v>
      </c>
      <c r="L365" s="212">
        <v>0.1921604824057464</v>
      </c>
      <c r="M365" s="96">
        <v>7.3359210892190191E-2</v>
      </c>
      <c r="N365" s="212">
        <v>0.21331254270185288</v>
      </c>
      <c r="O365" s="96">
        <v>7.5982079718956763E-2</v>
      </c>
      <c r="P365" s="212">
        <v>0.49120486787791334</v>
      </c>
      <c r="Q365" s="96">
        <v>9.1273894891197541E-2</v>
      </c>
      <c r="R365" s="212">
        <v>0.10332210701448608</v>
      </c>
      <c r="S365" s="96">
        <v>5.8583853163850792E-2</v>
      </c>
      <c r="T365" s="208">
        <v>116</v>
      </c>
      <c r="U365" s="212">
        <v>0.46444276037439708</v>
      </c>
      <c r="V365" s="96">
        <v>9.1071138079441005E-2</v>
      </c>
      <c r="W365" s="212">
        <v>0.10001956471799237</v>
      </c>
      <c r="X365" s="96">
        <v>5.7880196453488311E-2</v>
      </c>
      <c r="Y365" s="212">
        <v>0.19631910330014368</v>
      </c>
      <c r="Z365" s="96">
        <v>7.389713190841446E-2</v>
      </c>
      <c r="AA365" s="212">
        <v>0.23921857160746537</v>
      </c>
      <c r="AB365" s="96">
        <v>7.8835541945868406E-2</v>
      </c>
      <c r="AC365" s="208">
        <v>116</v>
      </c>
      <c r="AD365" s="212">
        <v>0.56503654049732432</v>
      </c>
      <c r="AE365" s="96">
        <v>9.0562599365693039E-2</v>
      </c>
      <c r="AF365" s="212">
        <v>0.13086610505285498</v>
      </c>
      <c r="AG365" s="96">
        <v>6.3946007593376153E-2</v>
      </c>
      <c r="AH365" s="212">
        <v>0.15178500989064614</v>
      </c>
      <c r="AI365" s="96">
        <v>6.7501894535196921E-2</v>
      </c>
      <c r="AJ365" s="212">
        <v>0.15231234455917333</v>
      </c>
      <c r="AK365" s="96">
        <v>6.7586509849357018E-2</v>
      </c>
      <c r="AL365" s="208">
        <v>115</v>
      </c>
      <c r="AM365" s="212">
        <v>0.18000101721369732</v>
      </c>
      <c r="AN365" s="96">
        <v>7.2033825750619118E-2</v>
      </c>
      <c r="AO365" s="212">
        <v>0.14147333237336621</v>
      </c>
      <c r="AP365" s="96">
        <v>6.6092583675401426E-2</v>
      </c>
      <c r="AQ365" s="212">
        <v>0.27101852512116531</v>
      </c>
      <c r="AR365" s="96">
        <v>8.2203501853423566E-2</v>
      </c>
      <c r="AS365" s="212">
        <v>0.4075071252917698</v>
      </c>
      <c r="AT365" s="96">
        <v>9.0193167806893931E-2</v>
      </c>
    </row>
    <row r="366" spans="1:46">
      <c r="A366" s="44" t="s">
        <v>369</v>
      </c>
      <c r="B366" s="205">
        <v>423</v>
      </c>
      <c r="C366" s="211">
        <v>0.16972853343682248</v>
      </c>
      <c r="D366" s="93">
        <v>3.6594470536235199E-2</v>
      </c>
      <c r="E366" s="211">
        <v>0.15519831363826278</v>
      </c>
      <c r="F366" s="93">
        <v>3.5340932722641639E-2</v>
      </c>
      <c r="G366" s="211">
        <v>0.66338634335742763</v>
      </c>
      <c r="H366" s="93">
        <v>4.5787688695739195E-2</v>
      </c>
      <c r="I366" s="211">
        <v>1.1686809567487046E-2</v>
      </c>
      <c r="J366" s="93">
        <v>1.2241422477877135E-2</v>
      </c>
      <c r="K366" s="205">
        <v>417</v>
      </c>
      <c r="L366" s="211">
        <v>0.509498357814408</v>
      </c>
      <c r="M366" s="93">
        <v>4.8728389441267332E-2</v>
      </c>
      <c r="N366" s="211">
        <v>0.20362072633681907</v>
      </c>
      <c r="O366" s="93">
        <v>3.9452377015444018E-2</v>
      </c>
      <c r="P366" s="211">
        <v>0.25880650358226603</v>
      </c>
      <c r="Q366" s="93">
        <v>4.2813842820452447E-2</v>
      </c>
      <c r="R366" s="211">
        <v>2.8074412266506685E-2</v>
      </c>
      <c r="S366" s="93">
        <v>1.7299437789034432E-2</v>
      </c>
      <c r="T366" s="205">
        <v>424</v>
      </c>
      <c r="U366" s="211">
        <v>0.67330626723327758</v>
      </c>
      <c r="V366" s="93">
        <v>4.5397899967069985E-2</v>
      </c>
      <c r="W366" s="211">
        <v>0.13925224141486675</v>
      </c>
      <c r="X366" s="93">
        <v>3.3805683242715837E-2</v>
      </c>
      <c r="Y366" s="211">
        <v>0.11717841952271579</v>
      </c>
      <c r="Z366" s="93">
        <v>3.1500501934125923E-2</v>
      </c>
      <c r="AA366" s="211">
        <v>7.0263071829139601E-2</v>
      </c>
      <c r="AB366" s="93">
        <v>2.5350236349932647E-2</v>
      </c>
      <c r="AC366" s="205">
        <v>423</v>
      </c>
      <c r="AD366" s="211">
        <v>0.65530641600306305</v>
      </c>
      <c r="AE366" s="93">
        <v>4.6045461603609207E-2</v>
      </c>
      <c r="AF366" s="211">
        <v>0.14606719611195298</v>
      </c>
      <c r="AG366" s="93">
        <v>3.4501132194192E-2</v>
      </c>
      <c r="AH366" s="211">
        <v>0.12815681916486796</v>
      </c>
      <c r="AI366" s="93">
        <v>3.2723524893105226E-2</v>
      </c>
      <c r="AJ366" s="211">
        <v>7.0469568720115089E-2</v>
      </c>
      <c r="AK366" s="93">
        <v>2.5413493856699658E-2</v>
      </c>
      <c r="AL366" s="205">
        <v>419</v>
      </c>
      <c r="AM366" s="211">
        <v>0.49227437237096255</v>
      </c>
      <c r="AN366" s="93">
        <v>4.8615968749057832E-2</v>
      </c>
      <c r="AO366" s="211">
        <v>0.1764918095393686</v>
      </c>
      <c r="AP366" s="93">
        <v>3.7323254860717497E-2</v>
      </c>
      <c r="AQ366" s="211">
        <v>0.17357528078607959</v>
      </c>
      <c r="AR366" s="93">
        <v>3.70868972815162E-2</v>
      </c>
      <c r="AS366" s="211">
        <v>0.15765853730358856</v>
      </c>
      <c r="AT366" s="93">
        <v>3.5730584672931907E-2</v>
      </c>
    </row>
    <row r="367" spans="1:46">
      <c r="A367" s="48" t="s">
        <v>354</v>
      </c>
      <c r="B367" s="208">
        <v>70</v>
      </c>
      <c r="C367" s="212">
        <v>0.19106081090569357</v>
      </c>
      <c r="D367" s="96">
        <v>9.4324315401019432E-2</v>
      </c>
      <c r="E367" s="212">
        <v>7.5359695215041128E-2</v>
      </c>
      <c r="F367" s="96">
        <v>6.922260799007067E-2</v>
      </c>
      <c r="G367" s="212">
        <v>0.73213350086182916</v>
      </c>
      <c r="H367" s="96">
        <v>0.1044372567378811</v>
      </c>
      <c r="I367" s="212">
        <v>1.4459930174363902E-3</v>
      </c>
      <c r="J367" s="96">
        <v>3.861703187059317E-2</v>
      </c>
      <c r="K367" s="208">
        <v>69</v>
      </c>
      <c r="L367" s="212">
        <v>0.37529159409526547</v>
      </c>
      <c r="M367" s="96">
        <v>0.11374219062851151</v>
      </c>
      <c r="N367" s="212">
        <v>0.21535634876185686</v>
      </c>
      <c r="O367" s="96">
        <v>9.8652247214539898E-2</v>
      </c>
      <c r="P367" s="212">
        <v>0.36322072508345021</v>
      </c>
      <c r="Q367" s="96">
        <v>0.11306090317924224</v>
      </c>
      <c r="R367" s="212">
        <v>4.6131332059427967E-2</v>
      </c>
      <c r="S367" s="96">
        <v>6.0118480133947765E-2</v>
      </c>
      <c r="T367" s="208">
        <v>70</v>
      </c>
      <c r="U367" s="212">
        <v>0.65801355477339141</v>
      </c>
      <c r="V367" s="96">
        <v>0.11093168997436272</v>
      </c>
      <c r="W367" s="212">
        <v>5.0808239741731508E-2</v>
      </c>
      <c r="X367" s="96">
        <v>6.1270572372070196E-2</v>
      </c>
      <c r="Y367" s="212">
        <v>0.22588182440603688</v>
      </c>
      <c r="Z367" s="96">
        <v>9.9393567514922995E-2</v>
      </c>
      <c r="AA367" s="212">
        <v>6.5296381078840837E-2</v>
      </c>
      <c r="AB367" s="96">
        <v>6.6132349664496951E-2</v>
      </c>
      <c r="AC367" s="208">
        <v>70</v>
      </c>
      <c r="AD367" s="212">
        <v>0.59563177706921422</v>
      </c>
      <c r="AE367" s="96">
        <v>0.11432919221770114</v>
      </c>
      <c r="AF367" s="212">
        <v>9.1998447014234305E-2</v>
      </c>
      <c r="AG367" s="96">
        <v>7.3904464578305504E-2</v>
      </c>
      <c r="AH367" s="212">
        <v>0.24536160485487979</v>
      </c>
      <c r="AI367" s="96">
        <v>0.10186892484690296</v>
      </c>
      <c r="AJ367" s="212">
        <v>6.7008171061672325E-2</v>
      </c>
      <c r="AK367" s="96">
        <v>6.6673305913221362E-2</v>
      </c>
      <c r="AL367" s="208">
        <v>71</v>
      </c>
      <c r="AM367" s="212">
        <v>0.39839140739851325</v>
      </c>
      <c r="AN367" s="96">
        <v>0.11331315576713555</v>
      </c>
      <c r="AO367" s="212">
        <v>0.14979161740346944</v>
      </c>
      <c r="AP367" s="96">
        <v>8.6436862448261639E-2</v>
      </c>
      <c r="AQ367" s="212">
        <v>0.24132285251317839</v>
      </c>
      <c r="AR367" s="96">
        <v>0.10067327475864045</v>
      </c>
      <c r="AS367" s="212">
        <v>0.21049412268483955</v>
      </c>
      <c r="AT367" s="96">
        <v>9.6578276841673152E-2</v>
      </c>
    </row>
    <row r="368" spans="1:46">
      <c r="A368" s="44" t="s">
        <v>355</v>
      </c>
      <c r="B368" s="205">
        <v>75</v>
      </c>
      <c r="C368" s="211">
        <v>0.14557399347204583</v>
      </c>
      <c r="D368" s="93">
        <v>8.3220296293511409E-2</v>
      </c>
      <c r="E368" s="211">
        <v>2.6774989749234149E-2</v>
      </c>
      <c r="F368" s="93">
        <v>4.9381815675344644E-2</v>
      </c>
      <c r="G368" s="211">
        <v>0.77753712800511254</v>
      </c>
      <c r="H368" s="93">
        <v>9.5619461383259399E-2</v>
      </c>
      <c r="I368" s="211">
        <v>5.0113888773607382E-2</v>
      </c>
      <c r="J368" s="93">
        <v>5.8495722136805581E-2</v>
      </c>
      <c r="K368" s="205">
        <v>72</v>
      </c>
      <c r="L368" s="211">
        <v>0.24259015577863191</v>
      </c>
      <c r="M368" s="93">
        <v>0.10013973016551447</v>
      </c>
      <c r="N368" s="211">
        <v>0.20776052542889509</v>
      </c>
      <c r="O368" s="93">
        <v>9.5517812857515746E-2</v>
      </c>
      <c r="P368" s="211">
        <v>0.4959893319996358</v>
      </c>
      <c r="Q368" s="93">
        <v>0.11470455485615418</v>
      </c>
      <c r="R368" s="211">
        <v>5.3659986792837497E-2</v>
      </c>
      <c r="S368" s="93">
        <v>6.1215410096295962E-2</v>
      </c>
      <c r="T368" s="205">
        <v>75</v>
      </c>
      <c r="U368" s="211">
        <v>0.49090417291374566</v>
      </c>
      <c r="V368" s="93">
        <v>0.1124920097210117</v>
      </c>
      <c r="W368" s="211">
        <v>0.18099951862826558</v>
      </c>
      <c r="X368" s="93">
        <v>8.9522714961271482E-2</v>
      </c>
      <c r="Y368" s="211">
        <v>0.20328586964023262</v>
      </c>
      <c r="Z368" s="93">
        <v>9.2954429809915265E-2</v>
      </c>
      <c r="AA368" s="211">
        <v>0.12481043881775639</v>
      </c>
      <c r="AB368" s="93">
        <v>7.8957388436675352E-2</v>
      </c>
      <c r="AC368" s="205">
        <v>75</v>
      </c>
      <c r="AD368" s="211">
        <v>0.55853627285419416</v>
      </c>
      <c r="AE368" s="93">
        <v>0.11181171043096633</v>
      </c>
      <c r="AF368" s="211">
        <v>0.21688499852674778</v>
      </c>
      <c r="AG368" s="93">
        <v>9.4870271670598194E-2</v>
      </c>
      <c r="AH368" s="211">
        <v>0.12975318576217404</v>
      </c>
      <c r="AI368" s="93">
        <v>8.0015078170903323E-2</v>
      </c>
      <c r="AJ368" s="211">
        <v>9.4825542856884187E-2</v>
      </c>
      <c r="AK368" s="93">
        <v>7.1877965130331012E-2</v>
      </c>
      <c r="AL368" s="205">
        <v>75</v>
      </c>
      <c r="AM368" s="211">
        <v>0.33092798398151624</v>
      </c>
      <c r="AN368" s="93">
        <v>0.10655386420028654</v>
      </c>
      <c r="AO368" s="211">
        <v>0.28168686985371427</v>
      </c>
      <c r="AP368" s="93">
        <v>0.10238759375093133</v>
      </c>
      <c r="AQ368" s="211">
        <v>0.2215074205922628</v>
      </c>
      <c r="AR368" s="93">
        <v>9.5492602834520102E-2</v>
      </c>
      <c r="AS368" s="211">
        <v>0.16587772557250693</v>
      </c>
      <c r="AT368" s="93">
        <v>8.6968984450608244E-2</v>
      </c>
    </row>
    <row r="369" spans="1:46">
      <c r="A369" s="48" t="s">
        <v>356</v>
      </c>
      <c r="B369" s="208">
        <v>67</v>
      </c>
      <c r="C369" s="212">
        <v>0.1106125078880798</v>
      </c>
      <c r="D369" s="96">
        <v>8.0484579429861494E-2</v>
      </c>
      <c r="E369" s="212">
        <v>0.15503561009911182</v>
      </c>
      <c r="F369" s="96">
        <v>9.0079890890818748E-2</v>
      </c>
      <c r="G369" s="212">
        <v>0.73435188201280832</v>
      </c>
      <c r="H369" s="96">
        <v>0.10643867186047087</v>
      </c>
      <c r="I369" s="212">
        <v>0</v>
      </c>
      <c r="J369" s="96">
        <v>3.9271909274046654E-2</v>
      </c>
      <c r="K369" s="208">
        <v>66</v>
      </c>
      <c r="L369" s="212">
        <v>0.5456091055509108</v>
      </c>
      <c r="M369" s="96">
        <v>0.11907998586549882</v>
      </c>
      <c r="N369" s="212">
        <v>0.20237876461971782</v>
      </c>
      <c r="O369" s="96">
        <v>9.892438969675757E-2</v>
      </c>
      <c r="P369" s="212">
        <v>0.23338265082878731</v>
      </c>
      <c r="Q369" s="96">
        <v>0.1033183855409841</v>
      </c>
      <c r="R369" s="212">
        <v>1.862947900058411E-2</v>
      </c>
      <c r="S369" s="96">
        <v>5.0147098850714764E-2</v>
      </c>
      <c r="T369" s="208">
        <v>66</v>
      </c>
      <c r="U369" s="212">
        <v>0.69286489669630758</v>
      </c>
      <c r="V369" s="96">
        <v>0.11133802921913265</v>
      </c>
      <c r="W369" s="212">
        <v>0.10997455034055457</v>
      </c>
      <c r="X369" s="96">
        <v>8.0982734176796023E-2</v>
      </c>
      <c r="Y369" s="212">
        <v>0.11467399200376395</v>
      </c>
      <c r="Z369" s="96">
        <v>8.2117598039984946E-2</v>
      </c>
      <c r="AA369" s="212">
        <v>8.2486560959373845E-2</v>
      </c>
      <c r="AB369" s="96">
        <v>7.3692536969461861E-2</v>
      </c>
      <c r="AC369" s="208">
        <v>67</v>
      </c>
      <c r="AD369" s="212">
        <v>0.69614161201523161</v>
      </c>
      <c r="AE369" s="96">
        <v>0.11024714385345614</v>
      </c>
      <c r="AF369" s="212">
        <v>6.5795392454747942E-2</v>
      </c>
      <c r="AG369" s="96">
        <v>6.801457391457133E-2</v>
      </c>
      <c r="AH369" s="212">
        <v>0.15558411752652307</v>
      </c>
      <c r="AI369" s="96">
        <v>9.0185126921483408E-2</v>
      </c>
      <c r="AJ369" s="212">
        <v>8.2478878003497305E-2</v>
      </c>
      <c r="AK369" s="96">
        <v>7.3067571061736891E-2</v>
      </c>
      <c r="AL369" s="208">
        <v>67</v>
      </c>
      <c r="AM369" s="212">
        <v>0.44604117033549195</v>
      </c>
      <c r="AN369" s="96">
        <v>0.11806116010410067</v>
      </c>
      <c r="AO369" s="212">
        <v>9.5072186910213324E-2</v>
      </c>
      <c r="AP369" s="96">
        <v>7.6540753452314605E-2</v>
      </c>
      <c r="AQ369" s="212">
        <v>0.2496127300599261</v>
      </c>
      <c r="AR369" s="96">
        <v>0.10459076928271357</v>
      </c>
      <c r="AS369" s="212">
        <v>0.20927391269436854</v>
      </c>
      <c r="AT369" s="96">
        <v>9.9217683494652417E-2</v>
      </c>
    </row>
    <row r="370" spans="1:46">
      <c r="A370" s="56" t="s">
        <v>357</v>
      </c>
      <c r="B370" s="205">
        <v>53</v>
      </c>
      <c r="C370" s="211">
        <v>9.4283574795197472E-2</v>
      </c>
      <c r="D370" s="93">
        <v>8.6930557766501451E-2</v>
      </c>
      <c r="E370" s="211">
        <v>0.17855269620950595</v>
      </c>
      <c r="F370" s="93">
        <v>0.10618256639910401</v>
      </c>
      <c r="G370" s="211">
        <v>0.72716372899529647</v>
      </c>
      <c r="H370" s="93">
        <v>0.12005410813369433</v>
      </c>
      <c r="I370" s="211">
        <v>0</v>
      </c>
      <c r="J370" s="93">
        <v>4.8743201957104715E-2</v>
      </c>
      <c r="K370" s="205">
        <v>53</v>
      </c>
      <c r="L370" s="211">
        <v>0.50033636783806235</v>
      </c>
      <c r="M370" s="93">
        <v>0.13245320979315409</v>
      </c>
      <c r="N370" s="211">
        <v>0.2297820392020018</v>
      </c>
      <c r="O370" s="93">
        <v>0.11451523327413235</v>
      </c>
      <c r="P370" s="211">
        <v>0.23811416152805645</v>
      </c>
      <c r="Q370" s="93">
        <v>0.11568375221219859</v>
      </c>
      <c r="R370" s="211">
        <v>3.1767431431879295E-2</v>
      </c>
      <c r="S370" s="93">
        <v>6.513109902883242E-2</v>
      </c>
      <c r="T370" s="205">
        <v>54</v>
      </c>
      <c r="U370" s="211">
        <v>0.68597196872634303</v>
      </c>
      <c r="V370" s="93">
        <v>0.12318205012425198</v>
      </c>
      <c r="W370" s="211">
        <v>0.22878304942719996</v>
      </c>
      <c r="X370" s="93">
        <v>0.11333122695200261</v>
      </c>
      <c r="Y370" s="211">
        <v>1.9872883019632769E-2</v>
      </c>
      <c r="Z370" s="93">
        <v>5.8826265172697491E-2</v>
      </c>
      <c r="AA370" s="211">
        <v>6.5372098826824293E-2</v>
      </c>
      <c r="AB370" s="93">
        <v>7.7127522625002234E-2</v>
      </c>
      <c r="AC370" s="205">
        <v>54</v>
      </c>
      <c r="AD370" s="211">
        <v>0.57156787437591194</v>
      </c>
      <c r="AE370" s="93">
        <v>0.13013524937940982</v>
      </c>
      <c r="AF370" s="211">
        <v>0.24825183588312463</v>
      </c>
      <c r="AG370" s="93">
        <v>0.11598546253947842</v>
      </c>
      <c r="AH370" s="211">
        <v>0.10431881302373917</v>
      </c>
      <c r="AI370" s="93">
        <v>8.87797442548654E-2</v>
      </c>
      <c r="AJ370" s="211">
        <v>7.5861476717224111E-2</v>
      </c>
      <c r="AK370" s="93">
        <v>8.0542895299377762E-2</v>
      </c>
      <c r="AL370" s="205">
        <v>52</v>
      </c>
      <c r="AM370" s="211">
        <v>0.37442437949125917</v>
      </c>
      <c r="AN370" s="93">
        <v>0.12994588332740278</v>
      </c>
      <c r="AO370" s="211">
        <v>0.24365634501073619</v>
      </c>
      <c r="AP370" s="93">
        <v>0.11751598778147823</v>
      </c>
      <c r="AQ370" s="211">
        <v>0.16862453701389948</v>
      </c>
      <c r="AR370" s="93">
        <v>0.10532844840602711</v>
      </c>
      <c r="AS370" s="211">
        <v>0.21329473848410518</v>
      </c>
      <c r="AT370" s="93">
        <v>0.11311294911124441</v>
      </c>
    </row>
    <row r="371" spans="1:46">
      <c r="A371" s="48" t="s">
        <v>358</v>
      </c>
      <c r="B371" s="208">
        <v>97</v>
      </c>
      <c r="C371" s="212">
        <v>0.12888505193441102</v>
      </c>
      <c r="D371" s="96">
        <v>6.9785155296931162E-2</v>
      </c>
      <c r="E371" s="212">
        <v>0.12026491762210181</v>
      </c>
      <c r="F371" s="96">
        <v>6.8070079526286548E-2</v>
      </c>
      <c r="G371" s="212">
        <v>0.72887587351351979</v>
      </c>
      <c r="H371" s="96">
        <v>8.9372490544234531E-2</v>
      </c>
      <c r="I371" s="212">
        <v>2.1974156929966973E-2</v>
      </c>
      <c r="J371" s="96">
        <v>3.941783433198208E-2</v>
      </c>
      <c r="K371" s="208">
        <v>97</v>
      </c>
      <c r="L371" s="212">
        <v>0.23267292495647854</v>
      </c>
      <c r="M371" s="96">
        <v>8.5384312830053391E-2</v>
      </c>
      <c r="N371" s="212">
        <v>0.13763254207454925</v>
      </c>
      <c r="O371" s="96">
        <v>7.1444688788194793E-2</v>
      </c>
      <c r="P371" s="212">
        <v>0.55526806214716307</v>
      </c>
      <c r="Q371" s="96">
        <v>9.8941445941203257E-2</v>
      </c>
      <c r="R371" s="212">
        <v>7.4426470821808755E-2</v>
      </c>
      <c r="S371" s="96">
        <v>5.7315756011504515E-2</v>
      </c>
      <c r="T371" s="208">
        <v>97</v>
      </c>
      <c r="U371" s="212">
        <v>0.44070316511401481</v>
      </c>
      <c r="V371" s="96">
        <v>9.8856206117007531E-2</v>
      </c>
      <c r="W371" s="212">
        <v>0.15358045667117981</v>
      </c>
      <c r="X371" s="96">
        <v>7.4278240170090562E-2</v>
      </c>
      <c r="Y371" s="212">
        <v>0.2514129859731874</v>
      </c>
      <c r="Z371" s="96">
        <v>8.7427993610666416E-2</v>
      </c>
      <c r="AA371" s="212">
        <v>0.15430339224161765</v>
      </c>
      <c r="AB371" s="96">
        <v>7.4401172773391672E-2</v>
      </c>
      <c r="AC371" s="208">
        <v>96</v>
      </c>
      <c r="AD371" s="212">
        <v>0.50460101951744352</v>
      </c>
      <c r="AE371" s="96">
        <v>9.9996097983639176E-2</v>
      </c>
      <c r="AF371" s="212">
        <v>0.18605693152993946</v>
      </c>
      <c r="AG371" s="96">
        <v>7.9791446503607144E-2</v>
      </c>
      <c r="AH371" s="212">
        <v>0.20385120928807976</v>
      </c>
      <c r="AI371" s="96">
        <v>8.2261022529286298E-2</v>
      </c>
      <c r="AJ371" s="212">
        <v>0.10549083966453698</v>
      </c>
      <c r="AK371" s="96">
        <v>6.5288437155243212E-2</v>
      </c>
      <c r="AL371" s="208">
        <v>94</v>
      </c>
      <c r="AM371" s="212">
        <v>0.29762921901925965</v>
      </c>
      <c r="AN371" s="96">
        <v>9.3092233631719201E-2</v>
      </c>
      <c r="AO371" s="212">
        <v>0.14206313448242625</v>
      </c>
      <c r="AP371" s="96">
        <v>7.343647412482468E-2</v>
      </c>
      <c r="AQ371" s="212">
        <v>0.17773019132154286</v>
      </c>
      <c r="AR371" s="96">
        <v>7.9397562368230756E-2</v>
      </c>
      <c r="AS371" s="212">
        <v>0.38257745517677094</v>
      </c>
      <c r="AT371" s="96">
        <v>9.8419039737419833E-2</v>
      </c>
    </row>
    <row r="372" spans="1:46">
      <c r="A372" s="56" t="s">
        <v>359</v>
      </c>
      <c r="B372" s="205">
        <v>115</v>
      </c>
      <c r="C372" s="211">
        <v>0.27308944754830544</v>
      </c>
      <c r="D372" s="93">
        <v>8.2383573314720501E-2</v>
      </c>
      <c r="E372" s="211">
        <v>0.20366885630357193</v>
      </c>
      <c r="F372" s="93">
        <v>7.5145120130416687E-2</v>
      </c>
      <c r="G372" s="211">
        <v>0.51284212780497518</v>
      </c>
      <c r="H372" s="93">
        <v>9.1641607461892524E-2</v>
      </c>
      <c r="I372" s="211">
        <v>1.0399568343146606E-2</v>
      </c>
      <c r="J372" s="93">
        <v>2.9639538658627444E-2</v>
      </c>
      <c r="K372" s="205">
        <v>113</v>
      </c>
      <c r="L372" s="211">
        <v>0.73028768804863264</v>
      </c>
      <c r="M372" s="93">
        <v>8.2799674556047462E-2</v>
      </c>
      <c r="N372" s="211">
        <v>0.16841618393881919</v>
      </c>
      <c r="O372" s="93">
        <v>7.099812533072522E-2</v>
      </c>
      <c r="P372" s="211">
        <v>0.10067296298976901</v>
      </c>
      <c r="Q372" s="93">
        <v>5.8836271453842695E-2</v>
      </c>
      <c r="R372" s="211">
        <v>6.2316502277868721E-4</v>
      </c>
      <c r="S372" s="93">
        <v>2.4377889137722764E-2</v>
      </c>
      <c r="T372" s="205">
        <v>115</v>
      </c>
      <c r="U372" s="211">
        <v>0.79549139395974011</v>
      </c>
      <c r="V372" s="93">
        <v>7.5248855229204298E-2</v>
      </c>
      <c r="W372" s="211">
        <v>0.10823311232647401</v>
      </c>
      <c r="X372" s="93">
        <v>5.9877567798211365E-2</v>
      </c>
      <c r="Y372" s="211">
        <v>4.7836623074945982E-2</v>
      </c>
      <c r="Z372" s="93">
        <v>4.4556424956790436E-2</v>
      </c>
      <c r="AA372" s="211">
        <v>4.8438870638839643E-2</v>
      </c>
      <c r="AB372" s="93">
        <v>4.4747742226417531E-2</v>
      </c>
      <c r="AC372" s="205">
        <v>114</v>
      </c>
      <c r="AD372" s="211">
        <v>0.77349445515312421</v>
      </c>
      <c r="AE372" s="93">
        <v>7.8153687127651653E-2</v>
      </c>
      <c r="AF372" s="211">
        <v>0.10374212270325714</v>
      </c>
      <c r="AG372" s="93">
        <v>5.9216553986262958E-2</v>
      </c>
      <c r="AH372" s="211">
        <v>7.5168931842287567E-2</v>
      </c>
      <c r="AI372" s="93">
        <v>5.2576724497534449E-2</v>
      </c>
      <c r="AJ372" s="211">
        <v>4.7594490301330623E-2</v>
      </c>
      <c r="AK372" s="93">
        <v>4.4710007741869957E-2</v>
      </c>
      <c r="AL372" s="205">
        <v>112</v>
      </c>
      <c r="AM372" s="211">
        <v>0.73810132509093906</v>
      </c>
      <c r="AN372" s="93">
        <v>8.2451690809344724E-2</v>
      </c>
      <c r="AO372" s="211">
        <v>0.15016539961129033</v>
      </c>
      <c r="AP372" s="93">
        <v>6.8458525833288486E-2</v>
      </c>
      <c r="AQ372" s="211">
        <v>7.2230159000737107E-2</v>
      </c>
      <c r="AR372" s="93">
        <v>5.2330243149345042E-2</v>
      </c>
      <c r="AS372" s="211">
        <v>3.9503116297033063E-2</v>
      </c>
      <c r="AT372" s="93">
        <v>4.2473163090809542E-2</v>
      </c>
    </row>
    <row r="373" spans="1:46">
      <c r="A373" s="48" t="s">
        <v>371</v>
      </c>
      <c r="B373" s="208">
        <v>181</v>
      </c>
      <c r="C373" s="212">
        <v>0.10838562680426465</v>
      </c>
      <c r="D373" s="96">
        <v>4.7236804081325343E-2</v>
      </c>
      <c r="E373" s="212">
        <v>0.16567853068027535</v>
      </c>
      <c r="F373" s="96">
        <v>5.5606773207029711E-2</v>
      </c>
      <c r="G373" s="212">
        <v>0.71225498859894709</v>
      </c>
      <c r="H373" s="96">
        <v>6.6880281997631408E-2</v>
      </c>
      <c r="I373" s="212">
        <v>1.3680853916513162E-2</v>
      </c>
      <c r="J373" s="96">
        <v>2.2594150268672987E-2</v>
      </c>
      <c r="K373" s="208">
        <v>180</v>
      </c>
      <c r="L373" s="212">
        <v>0.2716486920478744</v>
      </c>
      <c r="M373" s="96">
        <v>6.5954230115235962E-2</v>
      </c>
      <c r="N373" s="212">
        <v>0.23544365348268217</v>
      </c>
      <c r="O373" s="96">
        <v>6.3076887008809548E-2</v>
      </c>
      <c r="P373" s="212">
        <v>0.37395291433182615</v>
      </c>
      <c r="Q373" s="96">
        <v>7.1444018919577509E-2</v>
      </c>
      <c r="R373" s="212">
        <v>0.11895474013761805</v>
      </c>
      <c r="S373" s="96">
        <v>4.9133522476584077E-2</v>
      </c>
      <c r="T373" s="208">
        <v>181</v>
      </c>
      <c r="U373" s="212">
        <v>0.59435542203817271</v>
      </c>
      <c r="V373" s="96">
        <v>7.2257480226078849E-2</v>
      </c>
      <c r="W373" s="212">
        <v>0.10452606891829523</v>
      </c>
      <c r="X373" s="96">
        <v>4.6566542011584645E-2</v>
      </c>
      <c r="Y373" s="212">
        <v>0.12222345396508301</v>
      </c>
      <c r="Z373" s="96">
        <v>4.9514317301255169E-2</v>
      </c>
      <c r="AA373" s="212">
        <v>0.17889505507844997</v>
      </c>
      <c r="AB373" s="96">
        <v>5.7196135333953922E-2</v>
      </c>
      <c r="AC373" s="208">
        <v>181</v>
      </c>
      <c r="AD373" s="212">
        <v>0.61424951114839343</v>
      </c>
      <c r="AE373" s="96">
        <v>7.1660671704201151E-2</v>
      </c>
      <c r="AF373" s="212">
        <v>9.6973402690163357E-2</v>
      </c>
      <c r="AG373" s="96">
        <v>4.5206468197192484E-2</v>
      </c>
      <c r="AH373" s="212">
        <v>0.11049747584089147</v>
      </c>
      <c r="AI373" s="96">
        <v>4.7596817362887685E-2</v>
      </c>
      <c r="AJ373" s="212">
        <v>0.17827961032055253</v>
      </c>
      <c r="AK373" s="96">
        <v>5.7124511206325133E-2</v>
      </c>
      <c r="AL373" s="208">
        <v>182</v>
      </c>
      <c r="AM373" s="212">
        <v>0.45475117191682557</v>
      </c>
      <c r="AN373" s="96">
        <v>7.3035513425204215E-2</v>
      </c>
      <c r="AO373" s="212">
        <v>0.15318119816290088</v>
      </c>
      <c r="AP373" s="96">
        <v>5.3848565919631268E-2</v>
      </c>
      <c r="AQ373" s="212">
        <v>0.15738872521018599</v>
      </c>
      <c r="AR373" s="96">
        <v>5.4400335279514669E-2</v>
      </c>
      <c r="AS373" s="212">
        <v>0.23467890471008862</v>
      </c>
      <c r="AT373" s="96">
        <v>6.2664821643799204E-2</v>
      </c>
    </row>
    <row r="374" spans="1:46">
      <c r="A374" s="56" t="s">
        <v>360</v>
      </c>
      <c r="B374" s="205">
        <v>103</v>
      </c>
      <c r="C374" s="211">
        <v>2.5200451216745218E-2</v>
      </c>
      <c r="D374" s="93">
        <v>3.9200070278752212E-2</v>
      </c>
      <c r="E374" s="211">
        <v>0.12281856581478987</v>
      </c>
      <c r="F374" s="93">
        <v>6.6465379032045982E-2</v>
      </c>
      <c r="G374" s="211">
        <v>0.85198098296846492</v>
      </c>
      <c r="H374" s="93">
        <v>7.1092699725744668E-2</v>
      </c>
      <c r="I374" s="211">
        <v>0</v>
      </c>
      <c r="J374" s="93">
        <v>2.6185687246820841E-2</v>
      </c>
      <c r="K374" s="205">
        <v>103</v>
      </c>
      <c r="L374" s="211">
        <v>0.15584225182318717</v>
      </c>
      <c r="M374" s="93">
        <v>7.2407358943730071E-2</v>
      </c>
      <c r="N374" s="211">
        <v>0.27971336583838158</v>
      </c>
      <c r="O374" s="93">
        <v>8.7548995209787581E-2</v>
      </c>
      <c r="P374" s="211">
        <v>0.43860067364539601</v>
      </c>
      <c r="Q374" s="93">
        <v>9.5995855497688437E-2</v>
      </c>
      <c r="R374" s="211">
        <v>0.1258437086930351</v>
      </c>
      <c r="S374" s="93">
        <v>6.7055059097000019E-2</v>
      </c>
      <c r="T374" s="205">
        <v>102</v>
      </c>
      <c r="U374" s="211">
        <v>0.55068092106029942</v>
      </c>
      <c r="V374" s="93">
        <v>9.6665468634285143E-2</v>
      </c>
      <c r="W374" s="211">
        <v>0.11459388079752145</v>
      </c>
      <c r="X374" s="93">
        <v>6.514454522727002E-2</v>
      </c>
      <c r="Y374" s="211">
        <v>0.13217101995624672</v>
      </c>
      <c r="Z374" s="93">
        <v>6.8603415782430996E-2</v>
      </c>
      <c r="AA374" s="211">
        <v>0.20255417818593247</v>
      </c>
      <c r="AB374" s="93">
        <v>7.9640058395934563E-2</v>
      </c>
      <c r="AC374" s="205">
        <v>103</v>
      </c>
      <c r="AD374" s="211">
        <v>0.57658732157208825</v>
      </c>
      <c r="AE374" s="93">
        <v>9.5616980431407497E-2</v>
      </c>
      <c r="AF374" s="211">
        <v>8.759212373422226E-2</v>
      </c>
      <c r="AG374" s="93">
        <v>5.8771961321184854E-2</v>
      </c>
      <c r="AH374" s="211">
        <v>0.12208599828386872</v>
      </c>
      <c r="AI374" s="93">
        <v>6.632107487387362E-2</v>
      </c>
      <c r="AJ374" s="211">
        <v>0.21373455640982081</v>
      </c>
      <c r="AK374" s="93">
        <v>8.0666503849175911E-2</v>
      </c>
      <c r="AL374" s="205">
        <v>103</v>
      </c>
      <c r="AM374" s="211">
        <v>0.45733374896216306</v>
      </c>
      <c r="AN374" s="93">
        <v>9.6346949442975352E-2</v>
      </c>
      <c r="AO374" s="211">
        <v>0.13470041474721081</v>
      </c>
      <c r="AP374" s="93">
        <v>6.8725875802408201E-2</v>
      </c>
      <c r="AQ374" s="211">
        <v>0.12963230452244429</v>
      </c>
      <c r="AR374" s="93">
        <v>6.7779725510080824E-2</v>
      </c>
      <c r="AS374" s="211">
        <v>0.27833353176818176</v>
      </c>
      <c r="AT374" s="93">
        <v>8.7428268173661589E-2</v>
      </c>
    </row>
    <row r="375" spans="1:46">
      <c r="A375" s="48" t="s">
        <v>370</v>
      </c>
      <c r="B375" s="208">
        <v>288</v>
      </c>
      <c r="C375" s="212">
        <v>8.892664405309722E-2</v>
      </c>
      <c r="D375" s="96">
        <v>3.4246609878848269E-2</v>
      </c>
      <c r="E375" s="212">
        <v>0.12880001936861135</v>
      </c>
      <c r="F375" s="96">
        <v>3.985586541978111E-2</v>
      </c>
      <c r="G375" s="212">
        <v>0.76920120477069898</v>
      </c>
      <c r="H375" s="96">
        <v>4.9587693495404497E-2</v>
      </c>
      <c r="I375" s="212">
        <v>1.3072131807591723E-2</v>
      </c>
      <c r="J375" s="96">
        <v>1.6282024353469381E-2</v>
      </c>
      <c r="K375" s="208">
        <v>289</v>
      </c>
      <c r="L375" s="212">
        <v>0.23169208043213538</v>
      </c>
      <c r="M375" s="96">
        <v>4.9566450338937716E-2</v>
      </c>
      <c r="N375" s="212">
        <v>0.19093805750814305</v>
      </c>
      <c r="O375" s="96">
        <v>4.6306730502796566E-2</v>
      </c>
      <c r="P375" s="212">
        <v>0.48414116209465591</v>
      </c>
      <c r="Q375" s="96">
        <v>5.8392027759626861E-2</v>
      </c>
      <c r="R375" s="212">
        <v>9.3228699965064776E-2</v>
      </c>
      <c r="S375" s="96">
        <v>3.4861800217837836E-2</v>
      </c>
      <c r="T375" s="208">
        <v>291</v>
      </c>
      <c r="U375" s="212">
        <v>0.3752330221341319</v>
      </c>
      <c r="V375" s="96">
        <v>5.6430847396852266E-2</v>
      </c>
      <c r="W375" s="212">
        <v>0.14027918111710216</v>
      </c>
      <c r="X375" s="96">
        <v>4.1018601654424836E-2</v>
      </c>
      <c r="Y375" s="212">
        <v>0.21761929004087782</v>
      </c>
      <c r="Z375" s="96">
        <v>4.8350259374946337E-2</v>
      </c>
      <c r="AA375" s="212">
        <v>0.26686850670788703</v>
      </c>
      <c r="AB375" s="96">
        <v>5.1698424131760332E-2</v>
      </c>
      <c r="AC375" s="208">
        <v>290</v>
      </c>
      <c r="AD375" s="212">
        <v>0.40620370447276322</v>
      </c>
      <c r="AE375" s="96">
        <v>5.7314031812941271E-2</v>
      </c>
      <c r="AF375" s="212">
        <v>0.14588219390707782</v>
      </c>
      <c r="AG375" s="96">
        <v>4.1729546474094291E-2</v>
      </c>
      <c r="AH375" s="212">
        <v>0.1988453638574659</v>
      </c>
      <c r="AI375" s="96">
        <v>4.6912418614575631E-2</v>
      </c>
      <c r="AJ375" s="212">
        <v>0.24906873776269223</v>
      </c>
      <c r="AK375" s="96">
        <v>5.0673722225947168E-2</v>
      </c>
      <c r="AL375" s="208">
        <v>291</v>
      </c>
      <c r="AM375" s="212">
        <v>0.24554763237923749</v>
      </c>
      <c r="AN375" s="96">
        <v>5.0354393227326849E-2</v>
      </c>
      <c r="AO375" s="212">
        <v>0.18799123174309582</v>
      </c>
      <c r="AP375" s="96">
        <v>4.5884544274214213E-2</v>
      </c>
      <c r="AQ375" s="212">
        <v>0.16728578793731128</v>
      </c>
      <c r="AR375" s="96">
        <v>4.3923338526730027E-2</v>
      </c>
      <c r="AS375" s="212">
        <v>0.39917534794035425</v>
      </c>
      <c r="AT375" s="96">
        <v>5.7058780052954151E-2</v>
      </c>
    </row>
    <row r="376" spans="1:46">
      <c r="A376" s="56" t="s">
        <v>361</v>
      </c>
      <c r="B376" s="205">
        <v>126</v>
      </c>
      <c r="C376" s="211">
        <v>6.35505996010923E-2</v>
      </c>
      <c r="D376" s="93">
        <v>4.6757614099049188E-2</v>
      </c>
      <c r="E376" s="211">
        <v>0.140656364855793</v>
      </c>
      <c r="F376" s="93">
        <v>6.2927609148971844E-2</v>
      </c>
      <c r="G376" s="211">
        <v>0.78766081867676052</v>
      </c>
      <c r="H376" s="93">
        <v>7.2804298679026366E-2</v>
      </c>
      <c r="I376" s="211">
        <v>8.1322168663539272E-3</v>
      </c>
      <c r="J376" s="93">
        <v>2.6443132040515668E-2</v>
      </c>
      <c r="K376" s="205">
        <v>125</v>
      </c>
      <c r="L376" s="211">
        <v>0.25381812787670094</v>
      </c>
      <c r="M376" s="93">
        <v>7.7378501171679048E-2</v>
      </c>
      <c r="N376" s="211">
        <v>0.19748836507300971</v>
      </c>
      <c r="O376" s="93">
        <v>7.1327167425910498E-2</v>
      </c>
      <c r="P376" s="211">
        <v>0.42710756737176053</v>
      </c>
      <c r="Q376" s="93">
        <v>8.716216589411642E-2</v>
      </c>
      <c r="R376" s="211">
        <v>0.12158593967852821</v>
      </c>
      <c r="S376" s="93">
        <v>5.9856563481343529E-2</v>
      </c>
      <c r="T376" s="205">
        <v>126</v>
      </c>
      <c r="U376" s="211">
        <v>0.44269358818964427</v>
      </c>
      <c r="V376" s="93">
        <v>8.7162970236652829E-2</v>
      </c>
      <c r="W376" s="211">
        <v>0.12524785438438571</v>
      </c>
      <c r="X376" s="93">
        <v>6.0273805943844246E-2</v>
      </c>
      <c r="Y376" s="211">
        <v>0.19973657776486126</v>
      </c>
      <c r="Z376" s="93">
        <v>7.1318292536013073E-2</v>
      </c>
      <c r="AA376" s="211">
        <v>0.23232197966110818</v>
      </c>
      <c r="AB376" s="93">
        <v>7.4974860634428528E-2</v>
      </c>
      <c r="AC376" s="205">
        <v>125</v>
      </c>
      <c r="AD376" s="211">
        <v>0.44182767150530711</v>
      </c>
      <c r="AE376" s="93">
        <v>8.748379043142071E-2</v>
      </c>
      <c r="AF376" s="211">
        <v>0.1512524632340031</v>
      </c>
      <c r="AG376" s="93">
        <v>6.489128455731985E-2</v>
      </c>
      <c r="AH376" s="211">
        <v>0.16758169426924918</v>
      </c>
      <c r="AI376" s="93">
        <v>6.7340315259682343E-2</v>
      </c>
      <c r="AJ376" s="211">
        <v>0.23933817099144006</v>
      </c>
      <c r="AK376" s="93">
        <v>7.5985249775677444E-2</v>
      </c>
      <c r="AL376" s="205">
        <v>127</v>
      </c>
      <c r="AM376" s="211">
        <v>0.30395998520534889</v>
      </c>
      <c r="AN376" s="93">
        <v>8.0812563119495751E-2</v>
      </c>
      <c r="AO376" s="211">
        <v>0.19191063831875876</v>
      </c>
      <c r="AP376" s="93">
        <v>7.0068457530697417E-2</v>
      </c>
      <c r="AQ376" s="211">
        <v>0.14739898021255185</v>
      </c>
      <c r="AR376" s="93">
        <v>6.3762230643165344E-2</v>
      </c>
      <c r="AS376" s="211">
        <v>0.35673039626334008</v>
      </c>
      <c r="AT376" s="93">
        <v>8.3931668002446155E-2</v>
      </c>
    </row>
    <row r="377" spans="1:46">
      <c r="A377" s="48" t="s">
        <v>375</v>
      </c>
      <c r="B377" s="208">
        <v>108</v>
      </c>
      <c r="C377" s="212">
        <v>8.9672857022544294E-2</v>
      </c>
      <c r="D377" s="96">
        <v>5.7768995608878396E-2</v>
      </c>
      <c r="E377" s="212">
        <v>0.14947613716580008</v>
      </c>
      <c r="F377" s="96">
        <v>6.962976483903259E-2</v>
      </c>
      <c r="G377" s="212">
        <v>0.74914595904612624</v>
      </c>
      <c r="H377" s="96">
        <v>8.2868430959760195E-2</v>
      </c>
      <c r="I377" s="212">
        <v>1.1705046765529588E-2</v>
      </c>
      <c r="J377" s="96">
        <v>3.1788795548851181E-2</v>
      </c>
      <c r="K377" s="208">
        <v>111</v>
      </c>
      <c r="L377" s="212">
        <v>0.22208500814133822</v>
      </c>
      <c r="M377" s="96">
        <v>7.8694302269524091E-2</v>
      </c>
      <c r="N377" s="212">
        <v>0.22252961040993013</v>
      </c>
      <c r="O377" s="96">
        <v>7.8745125824905005E-2</v>
      </c>
      <c r="P377" s="212">
        <v>0.48325924224695732</v>
      </c>
      <c r="Q377" s="96">
        <v>9.3201773416647496E-2</v>
      </c>
      <c r="R377" s="212">
        <v>7.2126139201773881E-2</v>
      </c>
      <c r="S377" s="96">
        <v>5.256488924307378E-2</v>
      </c>
      <c r="T377" s="208">
        <v>112</v>
      </c>
      <c r="U377" s="212">
        <v>0.29583112739735162</v>
      </c>
      <c r="V377" s="96">
        <v>8.5327023695691562E-2</v>
      </c>
      <c r="W377" s="212">
        <v>0.15543067152613954</v>
      </c>
      <c r="X377" s="96">
        <v>6.9311625763583892E-2</v>
      </c>
      <c r="Y377" s="212">
        <v>0.22415975388530066</v>
      </c>
      <c r="Z377" s="96">
        <v>7.857987873148195E-2</v>
      </c>
      <c r="AA377" s="212">
        <v>0.32457844719120793</v>
      </c>
      <c r="AB377" s="96">
        <v>8.7358347372172546E-2</v>
      </c>
      <c r="AC377" s="208">
        <v>112</v>
      </c>
      <c r="AD377" s="212">
        <v>0.34289874177476581</v>
      </c>
      <c r="AE377" s="96">
        <v>8.8472082523584003E-2</v>
      </c>
      <c r="AF377" s="212">
        <v>0.13057220961533939</v>
      </c>
      <c r="AG377" s="96">
        <v>6.5065756622225912E-2</v>
      </c>
      <c r="AH377" s="212">
        <v>0.21911780742931616</v>
      </c>
      <c r="AI377" s="96">
        <v>7.8003625976386451E-2</v>
      </c>
      <c r="AJ377" s="212">
        <v>0.30741124118057839</v>
      </c>
      <c r="AK377" s="96">
        <v>8.6188131813020319E-2</v>
      </c>
      <c r="AL377" s="208">
        <v>112</v>
      </c>
      <c r="AM377" s="212">
        <v>0.17737719395479556</v>
      </c>
      <c r="AN377" s="96">
        <v>7.2627787428767548E-2</v>
      </c>
      <c r="AO377" s="212">
        <v>0.19976564732896551</v>
      </c>
      <c r="AP377" s="96">
        <v>7.5650910710539282E-2</v>
      </c>
      <c r="AQ377" s="212">
        <v>0.18567815410037108</v>
      </c>
      <c r="AR377" s="96">
        <v>7.3788600804198981E-2</v>
      </c>
      <c r="AS377" s="212">
        <v>0.43717900461586767</v>
      </c>
      <c r="AT377" s="96">
        <v>9.2161964029095031E-2</v>
      </c>
    </row>
    <row r="378" spans="1:46">
      <c r="A378" s="56" t="s">
        <v>358</v>
      </c>
      <c r="B378" s="205">
        <v>97</v>
      </c>
      <c r="C378" s="211">
        <v>0.12888505193441102</v>
      </c>
      <c r="D378" s="93">
        <v>6.9785155296931162E-2</v>
      </c>
      <c r="E378" s="211">
        <v>0.12026491762210181</v>
      </c>
      <c r="F378" s="93">
        <v>6.8070079526286548E-2</v>
      </c>
      <c r="G378" s="211">
        <v>0.72887587351351979</v>
      </c>
      <c r="H378" s="93">
        <v>8.9372490544234531E-2</v>
      </c>
      <c r="I378" s="211">
        <v>2.1974156929966973E-2</v>
      </c>
      <c r="J378" s="93">
        <v>3.941783433198208E-2</v>
      </c>
      <c r="K378" s="205">
        <v>97</v>
      </c>
      <c r="L378" s="211">
        <v>0.23267292495647854</v>
      </c>
      <c r="M378" s="93">
        <v>8.5384312830053391E-2</v>
      </c>
      <c r="N378" s="211">
        <v>0.13763254207454925</v>
      </c>
      <c r="O378" s="93">
        <v>7.1444688788194793E-2</v>
      </c>
      <c r="P378" s="211">
        <v>0.55526806214716307</v>
      </c>
      <c r="Q378" s="93">
        <v>9.8941445941203257E-2</v>
      </c>
      <c r="R378" s="211">
        <v>7.4426470821808755E-2</v>
      </c>
      <c r="S378" s="93">
        <v>5.7315756011504515E-2</v>
      </c>
      <c r="T378" s="205">
        <v>97</v>
      </c>
      <c r="U378" s="211">
        <v>0.44070316511401481</v>
      </c>
      <c r="V378" s="93">
        <v>9.8856206117007531E-2</v>
      </c>
      <c r="W378" s="211">
        <v>0.15358045667117981</v>
      </c>
      <c r="X378" s="93">
        <v>7.4278240170090562E-2</v>
      </c>
      <c r="Y378" s="211">
        <v>0.2514129859731874</v>
      </c>
      <c r="Z378" s="93">
        <v>8.7427993610666416E-2</v>
      </c>
      <c r="AA378" s="211">
        <v>0.15430339224161765</v>
      </c>
      <c r="AB378" s="93">
        <v>7.4401172773391672E-2</v>
      </c>
      <c r="AC378" s="205">
        <v>96</v>
      </c>
      <c r="AD378" s="211">
        <v>0.50460101951744352</v>
      </c>
      <c r="AE378" s="93">
        <v>9.9996097983639176E-2</v>
      </c>
      <c r="AF378" s="211">
        <v>0.18605693152993946</v>
      </c>
      <c r="AG378" s="93">
        <v>7.9791446503607144E-2</v>
      </c>
      <c r="AH378" s="211">
        <v>0.20385120928807976</v>
      </c>
      <c r="AI378" s="93">
        <v>8.2261022529286298E-2</v>
      </c>
      <c r="AJ378" s="211">
        <v>0.10549083966453698</v>
      </c>
      <c r="AK378" s="93">
        <v>6.5288437155243212E-2</v>
      </c>
      <c r="AL378" s="205">
        <v>94</v>
      </c>
      <c r="AM378" s="211">
        <v>0.29762921901925965</v>
      </c>
      <c r="AN378" s="93">
        <v>9.3092233631719201E-2</v>
      </c>
      <c r="AO378" s="211">
        <v>0.14206313448242625</v>
      </c>
      <c r="AP378" s="93">
        <v>7.343647412482468E-2</v>
      </c>
      <c r="AQ378" s="211">
        <v>0.17773019132154286</v>
      </c>
      <c r="AR378" s="93">
        <v>7.9397562368230756E-2</v>
      </c>
      <c r="AS378" s="211">
        <v>0.38257745517677094</v>
      </c>
      <c r="AT378" s="93">
        <v>9.8419039737419833E-2</v>
      </c>
    </row>
    <row r="380" spans="1:46" ht="18.75">
      <c r="A380" s="340" t="s">
        <v>16</v>
      </c>
      <c r="B380" s="340"/>
      <c r="C380" s="340"/>
      <c r="D380" s="340"/>
    </row>
    <row r="381" spans="1:46" ht="94.5" customHeight="1">
      <c r="A381" s="409" t="s">
        <v>450</v>
      </c>
      <c r="B381" s="409"/>
      <c r="C381" s="409"/>
      <c r="D381" s="409"/>
    </row>
    <row r="382" spans="1:46" ht="38.25" customHeight="1">
      <c r="A382" s="392" t="s">
        <v>146</v>
      </c>
      <c r="B382" s="392"/>
      <c r="C382" s="392"/>
      <c r="D382" s="392"/>
    </row>
    <row r="383" spans="1:46" ht="40.5" customHeight="1">
      <c r="A383" s="36" t="s">
        <v>70</v>
      </c>
      <c r="B383" s="37" t="s">
        <v>71</v>
      </c>
      <c r="C383" s="38" t="s">
        <v>594</v>
      </c>
      <c r="D383" s="39" t="s">
        <v>72</v>
      </c>
    </row>
    <row r="384" spans="1:46" ht="72">
      <c r="A384" s="40"/>
      <c r="B384" s="41" t="s">
        <v>73</v>
      </c>
      <c r="C384" s="127" t="s">
        <v>147</v>
      </c>
      <c r="D384" s="43" t="s">
        <v>75</v>
      </c>
    </row>
    <row r="385" spans="1:4">
      <c r="A385" s="44" t="s">
        <v>349</v>
      </c>
      <c r="B385" s="213">
        <v>13959</v>
      </c>
      <c r="C385" s="83">
        <v>5.6012533169521053</v>
      </c>
      <c r="D385" s="84">
        <v>1.9371258520782125E-2</v>
      </c>
    </row>
    <row r="386" spans="1:4">
      <c r="A386" s="48" t="s">
        <v>350</v>
      </c>
      <c r="B386" s="48">
        <v>10157</v>
      </c>
      <c r="C386" s="215">
        <v>5.7669028938476252</v>
      </c>
      <c r="D386" s="216">
        <v>2.1718988611070283E-2</v>
      </c>
    </row>
    <row r="387" spans="1:4">
      <c r="A387" s="44" t="s">
        <v>351</v>
      </c>
      <c r="B387" s="52">
        <v>3802</v>
      </c>
      <c r="C387" s="83">
        <v>5.4704374696305491</v>
      </c>
      <c r="D387" s="84">
        <v>4.0200710211838943E-2</v>
      </c>
    </row>
    <row r="388" spans="1:4">
      <c r="A388" s="48" t="s">
        <v>558</v>
      </c>
      <c r="B388" s="48">
        <v>340</v>
      </c>
      <c r="C388" s="215">
        <v>5.4773175527073343</v>
      </c>
      <c r="D388" s="216">
        <v>0.12114853906628321</v>
      </c>
    </row>
    <row r="389" spans="1:4">
      <c r="A389" s="44" t="s">
        <v>559</v>
      </c>
      <c r="B389" s="52">
        <v>3605</v>
      </c>
      <c r="C389" s="83">
        <v>5.5975401629469594</v>
      </c>
      <c r="D389" s="84">
        <v>3.780116441075336E-2</v>
      </c>
    </row>
    <row r="390" spans="1:4">
      <c r="A390" s="48" t="s">
        <v>560</v>
      </c>
      <c r="B390" s="48">
        <v>2950</v>
      </c>
      <c r="C390" s="215">
        <v>5.8300164337958895</v>
      </c>
      <c r="D390" s="216">
        <v>4.0213620886526837E-2</v>
      </c>
    </row>
    <row r="391" spans="1:4">
      <c r="A391" s="44" t="s">
        <v>368</v>
      </c>
      <c r="B391" s="52">
        <v>158</v>
      </c>
      <c r="C391" s="83">
        <v>5.7383222442298996</v>
      </c>
      <c r="D391" s="84">
        <v>0.17722645202373349</v>
      </c>
    </row>
    <row r="392" spans="1:4">
      <c r="A392" s="48" t="s">
        <v>150</v>
      </c>
      <c r="B392" s="48">
        <v>270</v>
      </c>
      <c r="C392" s="215">
        <v>6.0820710290554789</v>
      </c>
      <c r="D392" s="216">
        <v>0.12530955435897134</v>
      </c>
    </row>
    <row r="393" spans="1:4">
      <c r="A393" s="44" t="s">
        <v>352</v>
      </c>
      <c r="B393" s="52">
        <v>119</v>
      </c>
      <c r="C393" s="83">
        <v>6.1137774497929191</v>
      </c>
      <c r="D393" s="84">
        <v>0.18394795523085561</v>
      </c>
    </row>
    <row r="394" spans="1:4">
      <c r="A394" s="48" t="s">
        <v>353</v>
      </c>
      <c r="B394" s="48">
        <v>116</v>
      </c>
      <c r="C394" s="215">
        <v>5.9848326537232461</v>
      </c>
      <c r="D394" s="216">
        <v>0.19380520496728981</v>
      </c>
    </row>
    <row r="395" spans="1:4">
      <c r="A395" s="44" t="s">
        <v>369</v>
      </c>
      <c r="B395" s="213">
        <v>424</v>
      </c>
      <c r="C395" s="83">
        <v>5.6821468851453645</v>
      </c>
      <c r="D395" s="84">
        <v>0.11022679428717437</v>
      </c>
    </row>
    <row r="396" spans="1:4">
      <c r="A396" s="48" t="s">
        <v>354</v>
      </c>
      <c r="B396" s="214">
        <v>71</v>
      </c>
      <c r="C396" s="215">
        <v>5.6847326192730021</v>
      </c>
      <c r="D396" s="216">
        <v>0.31335159440358384</v>
      </c>
    </row>
    <row r="397" spans="1:4">
      <c r="A397" s="44" t="s">
        <v>355</v>
      </c>
      <c r="B397" s="82">
        <v>75</v>
      </c>
      <c r="C397" s="83">
        <v>5.7427506628637088</v>
      </c>
      <c r="D397" s="84">
        <v>0.26869300506520627</v>
      </c>
    </row>
    <row r="398" spans="1:4">
      <c r="A398" s="48" t="s">
        <v>356</v>
      </c>
      <c r="B398" s="214">
        <v>67</v>
      </c>
      <c r="C398" s="215">
        <v>5.3505991723042801</v>
      </c>
      <c r="D398" s="216">
        <v>0.26356797656940428</v>
      </c>
    </row>
    <row r="399" spans="1:4">
      <c r="A399" s="56" t="s">
        <v>357</v>
      </c>
      <c r="B399" s="213">
        <v>53</v>
      </c>
      <c r="C399" s="83">
        <v>5.9842349796697283</v>
      </c>
      <c r="D399" s="84">
        <v>0.24914660720477458</v>
      </c>
    </row>
    <row r="400" spans="1:4">
      <c r="A400" s="48" t="s">
        <v>358</v>
      </c>
      <c r="B400" s="214">
        <v>97</v>
      </c>
      <c r="C400" s="215">
        <v>5.9088534914602926</v>
      </c>
      <c r="D400" s="216">
        <v>0.19440494396907929</v>
      </c>
    </row>
    <row r="401" spans="1:38">
      <c r="A401" s="56" t="s">
        <v>359</v>
      </c>
      <c r="B401" s="213">
        <v>114</v>
      </c>
      <c r="C401" s="83">
        <v>5.6187755269539945</v>
      </c>
      <c r="D401" s="84">
        <v>0.20973496442574338</v>
      </c>
    </row>
    <row r="402" spans="1:38">
      <c r="A402" s="48" t="s">
        <v>371</v>
      </c>
      <c r="B402" s="214">
        <v>180</v>
      </c>
      <c r="C402" s="215">
        <v>6.2077995329488509</v>
      </c>
      <c r="D402" s="216">
        <v>9.3841288517106172E-2</v>
      </c>
    </row>
    <row r="403" spans="1:38">
      <c r="A403" s="56" t="s">
        <v>360</v>
      </c>
      <c r="B403" s="213">
        <v>100</v>
      </c>
      <c r="C403" s="83">
        <v>6.3005333470899281</v>
      </c>
      <c r="D403" s="84">
        <v>0.10849220673651599</v>
      </c>
    </row>
    <row r="404" spans="1:38">
      <c r="A404" s="48" t="s">
        <v>370</v>
      </c>
      <c r="B404" s="214">
        <v>291</v>
      </c>
      <c r="C404" s="215">
        <v>5.834124535583384</v>
      </c>
      <c r="D404" s="216">
        <v>0.11873951997248719</v>
      </c>
    </row>
    <row r="405" spans="1:38">
      <c r="A405" s="56" t="s">
        <v>361</v>
      </c>
      <c r="B405" s="213">
        <v>127</v>
      </c>
      <c r="C405" s="83">
        <v>5.7697584280345549</v>
      </c>
      <c r="D405" s="84">
        <v>0.18546232713845501</v>
      </c>
    </row>
    <row r="406" spans="1:38">
      <c r="A406" s="48" t="s">
        <v>375</v>
      </c>
      <c r="B406" s="214">
        <v>111</v>
      </c>
      <c r="C406" s="215">
        <v>5.8758964000522464</v>
      </c>
      <c r="D406" s="216">
        <v>0.19179442851555234</v>
      </c>
    </row>
    <row r="407" spans="1:38">
      <c r="A407" s="56" t="s">
        <v>358</v>
      </c>
      <c r="B407" s="213">
        <v>97</v>
      </c>
      <c r="C407" s="83">
        <v>5.9088534914602926</v>
      </c>
      <c r="D407" s="84">
        <v>0.19440494396907929</v>
      </c>
    </row>
    <row r="408" spans="1:38">
      <c r="P408" s="249"/>
      <c r="Q408" s="249"/>
      <c r="R408" s="249"/>
      <c r="S408" s="249"/>
      <c r="T408" s="249"/>
      <c r="U408" s="249"/>
      <c r="V408" s="249"/>
      <c r="W408" s="249"/>
      <c r="X408" s="249"/>
      <c r="Y408" s="249"/>
      <c r="Z408" s="249"/>
      <c r="AA408" s="249"/>
      <c r="AB408" s="249"/>
      <c r="AC408" s="249"/>
      <c r="AD408" s="249"/>
      <c r="AE408" s="249"/>
      <c r="AF408" s="249"/>
      <c r="AG408" s="249"/>
      <c r="AH408" s="249"/>
    </row>
    <row r="409" spans="1:38" ht="18.75">
      <c r="A409" s="340" t="s">
        <v>51</v>
      </c>
      <c r="B409" s="340"/>
      <c r="C409" s="340"/>
      <c r="D409" s="340"/>
      <c r="E409" s="340"/>
      <c r="F409" s="340"/>
      <c r="G409" s="340"/>
      <c r="H409" s="340"/>
      <c r="I409" s="340"/>
      <c r="J409" s="340"/>
      <c r="K409" s="340"/>
      <c r="L409" s="340"/>
      <c r="M409" s="340"/>
      <c r="N409" s="340"/>
      <c r="O409" s="340"/>
      <c r="P409" s="340"/>
      <c r="Q409" s="340"/>
      <c r="R409" s="340"/>
      <c r="S409" s="340"/>
      <c r="T409" s="340"/>
      <c r="U409" s="340"/>
      <c r="V409" s="340"/>
      <c r="W409" s="340"/>
      <c r="X409" s="340"/>
      <c r="Y409" s="340"/>
      <c r="Z409" s="340"/>
      <c r="AA409" s="340"/>
      <c r="AB409" s="340"/>
      <c r="AC409" s="249"/>
      <c r="AD409" s="249"/>
      <c r="AE409" s="249"/>
      <c r="AF409" s="249"/>
      <c r="AG409" s="249"/>
      <c r="AH409" s="249"/>
    </row>
    <row r="410" spans="1:38" ht="63" customHeight="1">
      <c r="A410" s="408" t="s">
        <v>607</v>
      </c>
      <c r="B410" s="408"/>
      <c r="C410" s="408"/>
      <c r="D410" s="408"/>
      <c r="E410" s="408"/>
      <c r="F410" s="408"/>
      <c r="G410" s="408"/>
      <c r="H410" s="408"/>
      <c r="I410" s="408"/>
      <c r="J410" s="408"/>
      <c r="K410" s="408"/>
      <c r="L410" s="408"/>
      <c r="M410" s="408"/>
      <c r="N410" s="408"/>
      <c r="O410" s="408"/>
      <c r="P410" s="408"/>
      <c r="Q410" s="408"/>
      <c r="R410" s="408"/>
      <c r="S410" s="408"/>
      <c r="T410" s="408"/>
      <c r="U410" s="408"/>
      <c r="V410" s="408"/>
      <c r="W410" s="408"/>
      <c r="X410" s="408"/>
      <c r="Y410" s="408"/>
      <c r="Z410" s="408"/>
      <c r="AA410" s="408"/>
      <c r="AB410" s="408"/>
      <c r="AC410" s="249"/>
      <c r="AD410" s="249"/>
      <c r="AE410" s="249"/>
      <c r="AF410" s="249"/>
      <c r="AG410" s="249"/>
      <c r="AH410" s="249"/>
    </row>
    <row r="411" spans="1:38" ht="35.25" customHeight="1">
      <c r="A411" s="63"/>
      <c r="B411" s="386" t="s">
        <v>451</v>
      </c>
      <c r="C411" s="387"/>
      <c r="D411" s="387"/>
      <c r="E411" s="387"/>
      <c r="F411" s="387"/>
      <c r="G411" s="387"/>
      <c r="H411" s="387"/>
      <c r="I411" s="387"/>
      <c r="J411" s="388"/>
      <c r="K411" s="386" t="s">
        <v>452</v>
      </c>
      <c r="L411" s="387"/>
      <c r="M411" s="387"/>
      <c r="N411" s="387"/>
      <c r="O411" s="387"/>
      <c r="P411" s="387"/>
      <c r="Q411" s="387"/>
      <c r="R411" s="387"/>
      <c r="S411" s="388"/>
      <c r="T411" s="386" t="s">
        <v>453</v>
      </c>
      <c r="U411" s="387"/>
      <c r="V411" s="387"/>
      <c r="W411" s="387"/>
      <c r="X411" s="387"/>
      <c r="Y411" s="387"/>
      <c r="Z411" s="387"/>
      <c r="AA411" s="387"/>
      <c r="AB411" s="388"/>
      <c r="AC411" s="249"/>
      <c r="AD411" s="249"/>
      <c r="AE411" s="249"/>
      <c r="AF411" s="249"/>
      <c r="AG411" s="249"/>
      <c r="AH411" s="249"/>
      <c r="AI411" s="249"/>
      <c r="AJ411" s="249"/>
      <c r="AK411" s="249"/>
      <c r="AL411" s="249"/>
    </row>
    <row r="412" spans="1:38" ht="59.25" customHeight="1">
      <c r="A412" s="36" t="s">
        <v>70</v>
      </c>
      <c r="B412" s="37" t="s">
        <v>71</v>
      </c>
      <c r="C412" s="37" t="s">
        <v>488</v>
      </c>
      <c r="D412" s="88" t="s">
        <v>489</v>
      </c>
      <c r="E412" s="37" t="s">
        <v>490</v>
      </c>
      <c r="F412" s="88" t="s">
        <v>491</v>
      </c>
      <c r="G412" s="37" t="s">
        <v>492</v>
      </c>
      <c r="H412" s="88" t="s">
        <v>493</v>
      </c>
      <c r="I412" s="37" t="s">
        <v>301</v>
      </c>
      <c r="J412" s="88" t="s">
        <v>315</v>
      </c>
      <c r="K412" s="64" t="s">
        <v>71</v>
      </c>
      <c r="L412" s="64" t="s">
        <v>488</v>
      </c>
      <c r="M412" s="87" t="s">
        <v>489</v>
      </c>
      <c r="N412" s="64" t="s">
        <v>490</v>
      </c>
      <c r="O412" s="87" t="s">
        <v>491</v>
      </c>
      <c r="P412" s="64" t="s">
        <v>492</v>
      </c>
      <c r="Q412" s="87" t="s">
        <v>493</v>
      </c>
      <c r="R412" s="64" t="s">
        <v>301</v>
      </c>
      <c r="S412" s="87" t="s">
        <v>315</v>
      </c>
      <c r="T412" s="37" t="s">
        <v>71</v>
      </c>
      <c r="U412" s="37" t="s">
        <v>488</v>
      </c>
      <c r="V412" s="88" t="s">
        <v>489</v>
      </c>
      <c r="W412" s="37" t="s">
        <v>490</v>
      </c>
      <c r="X412" s="88" t="s">
        <v>491</v>
      </c>
      <c r="Y412" s="37" t="s">
        <v>492</v>
      </c>
      <c r="Z412" s="88" t="s">
        <v>493</v>
      </c>
      <c r="AA412" s="37" t="s">
        <v>301</v>
      </c>
      <c r="AB412" s="88" t="s">
        <v>315</v>
      </c>
      <c r="AC412" s="249"/>
      <c r="AD412" s="249"/>
      <c r="AE412" s="249"/>
      <c r="AF412" s="249"/>
      <c r="AG412" s="249"/>
      <c r="AH412" s="249"/>
      <c r="AI412" s="249"/>
      <c r="AJ412" s="249"/>
      <c r="AK412" s="249"/>
      <c r="AL412" s="249"/>
    </row>
    <row r="413" spans="1:38" ht="72">
      <c r="A413" s="40"/>
      <c r="B413" s="41" t="s">
        <v>73</v>
      </c>
      <c r="C413" s="41" t="s">
        <v>159</v>
      </c>
      <c r="D413" s="90" t="s">
        <v>87</v>
      </c>
      <c r="E413" s="41" t="s">
        <v>160</v>
      </c>
      <c r="F413" s="90" t="s">
        <v>87</v>
      </c>
      <c r="G413" s="41" t="s">
        <v>161</v>
      </c>
      <c r="H413" s="90" t="s">
        <v>87</v>
      </c>
      <c r="I413" s="41" t="s">
        <v>301</v>
      </c>
      <c r="J413" s="90" t="s">
        <v>87</v>
      </c>
      <c r="K413" s="67" t="s">
        <v>73</v>
      </c>
      <c r="L413" s="67" t="s">
        <v>159</v>
      </c>
      <c r="M413" s="89" t="s">
        <v>87</v>
      </c>
      <c r="N413" s="67" t="s">
        <v>160</v>
      </c>
      <c r="O413" s="89" t="s">
        <v>87</v>
      </c>
      <c r="P413" s="67" t="s">
        <v>161</v>
      </c>
      <c r="Q413" s="262" t="s">
        <v>87</v>
      </c>
      <c r="R413" s="67" t="s">
        <v>301</v>
      </c>
      <c r="S413" s="89" t="s">
        <v>87</v>
      </c>
      <c r="T413" s="41" t="s">
        <v>73</v>
      </c>
      <c r="U413" s="41" t="s">
        <v>159</v>
      </c>
      <c r="V413" s="90" t="s">
        <v>87</v>
      </c>
      <c r="W413" s="41" t="s">
        <v>160</v>
      </c>
      <c r="X413" s="90" t="s">
        <v>87</v>
      </c>
      <c r="Y413" s="41" t="s">
        <v>161</v>
      </c>
      <c r="Z413" s="90" t="s">
        <v>87</v>
      </c>
      <c r="AA413" s="41" t="s">
        <v>301</v>
      </c>
      <c r="AB413" s="90" t="s">
        <v>87</v>
      </c>
    </row>
    <row r="414" spans="1:38">
      <c r="A414" s="44" t="s">
        <v>349</v>
      </c>
      <c r="B414" s="213">
        <v>13997</v>
      </c>
      <c r="C414" s="217">
        <v>6.9488905960501821E-2</v>
      </c>
      <c r="D414" s="93">
        <v>4.3015431734890405E-3</v>
      </c>
      <c r="E414" s="217">
        <v>9.03302013597507E-2</v>
      </c>
      <c r="F414" s="93">
        <v>4.8479940551183825E-3</v>
      </c>
      <c r="G414" s="217">
        <v>0.83164784616154475</v>
      </c>
      <c r="H414" s="93">
        <v>6.3259677926820529E-3</v>
      </c>
      <c r="I414" s="217">
        <v>8.5330465182073927E-3</v>
      </c>
      <c r="J414" s="93">
        <v>1.567310040528438E-3</v>
      </c>
      <c r="K414" s="213">
        <v>13984</v>
      </c>
      <c r="L414" s="219">
        <v>0.12446767803727543</v>
      </c>
      <c r="M414" s="93">
        <v>5.5844087823388308E-3</v>
      </c>
      <c r="N414" s="217">
        <v>0.1510313263365608</v>
      </c>
      <c r="O414" s="93">
        <v>6.0568865231893816E-3</v>
      </c>
      <c r="P414" s="217">
        <v>0.71476908749387102</v>
      </c>
      <c r="Q414" s="263">
        <v>7.635921449937598E-3</v>
      </c>
      <c r="R414" s="217">
        <v>9.7319081323008864E-3</v>
      </c>
      <c r="S414" s="93">
        <v>1.6718707998115148E-3</v>
      </c>
      <c r="T414" s="213">
        <v>13984</v>
      </c>
      <c r="U414" s="217">
        <v>7.0603419523601108E-2</v>
      </c>
      <c r="V414" s="93">
        <v>4.3352507258003267E-3</v>
      </c>
      <c r="W414" s="217">
        <v>9.140734923529395E-2</v>
      </c>
      <c r="X414" s="93">
        <v>4.8761472847168707E-3</v>
      </c>
      <c r="Y414" s="217">
        <v>0.82779566732645504</v>
      </c>
      <c r="Z414" s="93">
        <v>6.3860067472446937E-3</v>
      </c>
      <c r="AA414" s="217">
        <v>1.0193563914653698E-2</v>
      </c>
      <c r="AB414" s="93">
        <v>1.7101059425639006E-3</v>
      </c>
    </row>
    <row r="415" spans="1:38">
      <c r="A415" s="48" t="s">
        <v>350</v>
      </c>
      <c r="B415" s="214">
        <v>10181</v>
      </c>
      <c r="C415" s="218">
        <v>5.5771260126623229E-2</v>
      </c>
      <c r="D415" s="96">
        <v>4.5544025107001592E-3</v>
      </c>
      <c r="E415" s="218">
        <v>6.769418318041226E-2</v>
      </c>
      <c r="F415" s="96">
        <v>4.9843524173121103E-3</v>
      </c>
      <c r="G415" s="218">
        <v>0.87028685890989887</v>
      </c>
      <c r="H415" s="96">
        <v>6.6616176792407278E-3</v>
      </c>
      <c r="I415" s="218">
        <v>6.2476977830547972E-3</v>
      </c>
      <c r="J415" s="96">
        <v>1.585416719608216E-3</v>
      </c>
      <c r="K415" s="214">
        <v>10165</v>
      </c>
      <c r="L415" s="218">
        <v>0.12134498611555503</v>
      </c>
      <c r="M415" s="96">
        <v>6.4794858685394844E-3</v>
      </c>
      <c r="N415" s="218">
        <v>0.1467456119577828</v>
      </c>
      <c r="O415" s="96">
        <v>7.0207394003520456E-3</v>
      </c>
      <c r="P415" s="218">
        <v>0.72367822063620413</v>
      </c>
      <c r="Q415" s="264">
        <v>8.8698017077062409E-3</v>
      </c>
      <c r="R415" s="218">
        <v>8.2311812904523936E-3</v>
      </c>
      <c r="S415" s="96">
        <v>1.8127123451858256E-3</v>
      </c>
      <c r="T415" s="214">
        <v>10167</v>
      </c>
      <c r="U415" s="218">
        <v>5.1967621136293746E-2</v>
      </c>
      <c r="V415" s="96">
        <v>4.4088042604215651E-3</v>
      </c>
      <c r="W415" s="218">
        <v>6.8821771804385493E-2</v>
      </c>
      <c r="X415" s="96">
        <v>5.0259982024442934E-3</v>
      </c>
      <c r="Y415" s="218">
        <v>0.87128348577884585</v>
      </c>
      <c r="Z415" s="96">
        <v>6.644385833423549E-3</v>
      </c>
      <c r="AA415" s="218">
        <v>7.9271212804651117E-3</v>
      </c>
      <c r="AB415" s="96">
        <v>1.7798063707391723E-3</v>
      </c>
    </row>
    <row r="416" spans="1:38">
      <c r="A416" s="44" t="s">
        <v>351</v>
      </c>
      <c r="B416" s="213">
        <v>3816</v>
      </c>
      <c r="C416" s="217">
        <v>8.0298884468340645E-2</v>
      </c>
      <c r="D416" s="93">
        <v>8.8157212594945945E-3</v>
      </c>
      <c r="E416" s="217">
        <v>0.10816816517547961</v>
      </c>
      <c r="F416" s="93">
        <v>1.0067269981012986E-2</v>
      </c>
      <c r="G416" s="217">
        <v>0.80119897013483554</v>
      </c>
      <c r="H416" s="93">
        <v>1.2922202661960154E-2</v>
      </c>
      <c r="I416" s="217">
        <v>1.0333980221343591E-2</v>
      </c>
      <c r="J416" s="93">
        <v>3.3518094175664925E-3</v>
      </c>
      <c r="K416" s="213">
        <v>3819</v>
      </c>
      <c r="L416" s="219">
        <v>0.12692672162460542</v>
      </c>
      <c r="M416" s="93">
        <v>1.0782001840017779E-2</v>
      </c>
      <c r="N416" s="217">
        <v>0.15440622169109808</v>
      </c>
      <c r="O416" s="93">
        <v>1.169920056663218E-2</v>
      </c>
      <c r="P416" s="217">
        <v>0.70775336283336154</v>
      </c>
      <c r="Q416" s="263">
        <v>1.4714256737517094E-2</v>
      </c>
      <c r="R416" s="217">
        <v>1.0913693850936122E-2</v>
      </c>
      <c r="S416" s="93">
        <v>3.4377060019035498E-3</v>
      </c>
      <c r="T416" s="213">
        <v>3817</v>
      </c>
      <c r="U416" s="217">
        <v>8.5248864245439815E-2</v>
      </c>
      <c r="V416" s="93">
        <v>9.0560186752224655E-3</v>
      </c>
      <c r="W416" s="217">
        <v>0.10915683433384854</v>
      </c>
      <c r="X416" s="93">
        <v>1.0106021668753832E-2</v>
      </c>
      <c r="Y416" s="217">
        <v>0.79361959244189906</v>
      </c>
      <c r="Z416" s="93">
        <v>1.3101497878337535E-2</v>
      </c>
      <c r="AA416" s="217">
        <v>1.1974708978813316E-2</v>
      </c>
      <c r="AB416" s="93">
        <v>3.5926742710500224E-3</v>
      </c>
    </row>
    <row r="417" spans="1:28">
      <c r="A417" s="48" t="s">
        <v>558</v>
      </c>
      <c r="B417" s="214">
        <v>340</v>
      </c>
      <c r="C417" s="218">
        <v>7.3208279535724063E-2</v>
      </c>
      <c r="D417" s="96">
        <v>2.8946677680174986E-2</v>
      </c>
      <c r="E417" s="218">
        <v>0.1170942346881101</v>
      </c>
      <c r="F417" s="96">
        <v>3.5235593245648851E-2</v>
      </c>
      <c r="G417" s="218">
        <v>0.80524946523252905</v>
      </c>
      <c r="H417" s="96">
        <v>4.2995007567490674E-2</v>
      </c>
      <c r="I417" s="218">
        <v>4.4480205436370898E-3</v>
      </c>
      <c r="J417" s="96">
        <v>1.0840279966871202E-2</v>
      </c>
      <c r="K417" s="214">
        <v>341</v>
      </c>
      <c r="L417" s="218">
        <v>0.13040520031425337</v>
      </c>
      <c r="M417" s="96">
        <v>3.6759912796141839E-2</v>
      </c>
      <c r="N417" s="218">
        <v>0.19634071104393272</v>
      </c>
      <c r="O417" s="96">
        <v>4.3059355038807257E-2</v>
      </c>
      <c r="P417" s="218">
        <v>0.66786388143956854</v>
      </c>
      <c r="Q417" s="264">
        <v>5.0787575666664128E-2</v>
      </c>
      <c r="R417" s="218">
        <v>5.390207202246128E-3</v>
      </c>
      <c r="S417" s="96">
        <v>1.1293734068951849E-2</v>
      </c>
      <c r="T417" s="214">
        <v>340</v>
      </c>
      <c r="U417" s="218">
        <v>7.412777731423581E-2</v>
      </c>
      <c r="V417" s="96">
        <v>2.9100101557003821E-2</v>
      </c>
      <c r="W417" s="218">
        <v>7.9015520797116018E-2</v>
      </c>
      <c r="X417" s="96">
        <v>2.9897049205846255E-2</v>
      </c>
      <c r="Y417" s="218">
        <v>0.83998756832125732</v>
      </c>
      <c r="Z417" s="96">
        <v>3.9924492681066459E-2</v>
      </c>
      <c r="AA417" s="218">
        <v>6.869133567391216E-3</v>
      </c>
      <c r="AB417" s="96">
        <v>1.202921464185391E-2</v>
      </c>
    </row>
    <row r="418" spans="1:28">
      <c r="A418" s="44" t="s">
        <v>559</v>
      </c>
      <c r="B418" s="213">
        <v>3618</v>
      </c>
      <c r="C418" s="217">
        <v>6.8575567769114165E-2</v>
      </c>
      <c r="D418" s="93">
        <v>8.4257130326673528E-3</v>
      </c>
      <c r="E418" s="217">
        <v>9.6244032805622048E-2</v>
      </c>
      <c r="F418" s="93">
        <v>9.8212058245643625E-3</v>
      </c>
      <c r="G418" s="217">
        <v>0.82749505607831864</v>
      </c>
      <c r="H418" s="93">
        <v>1.2566059560779688E-2</v>
      </c>
      <c r="I418" s="217">
        <v>7.685343346950483E-3</v>
      </c>
      <c r="J418" s="93">
        <v>3.0021748068631325E-3</v>
      </c>
      <c r="K418" s="213">
        <v>3611</v>
      </c>
      <c r="L418" s="219">
        <v>0.12458689452727055</v>
      </c>
      <c r="M418" s="93">
        <v>1.1001155077583053E-2</v>
      </c>
      <c r="N418" s="217">
        <v>0.15433992199537644</v>
      </c>
      <c r="O418" s="93">
        <v>1.2029625742483119E-2</v>
      </c>
      <c r="P418" s="217">
        <v>0.71270709759636885</v>
      </c>
      <c r="Q418" s="263">
        <v>1.5055664753483796E-2</v>
      </c>
      <c r="R418" s="217">
        <v>8.3660858809911157E-3</v>
      </c>
      <c r="S418" s="93">
        <v>3.1258861447316312E-3</v>
      </c>
      <c r="T418" s="213">
        <v>3611</v>
      </c>
      <c r="U418" s="217">
        <v>7.3961410887598292E-2</v>
      </c>
      <c r="V418" s="93">
        <v>8.7309612834972176E-3</v>
      </c>
      <c r="W418" s="217">
        <v>8.8217979450649353E-2</v>
      </c>
      <c r="X418" s="93">
        <v>9.45605582281101E-3</v>
      </c>
      <c r="Y418" s="217">
        <v>0.82641310396766277</v>
      </c>
      <c r="Z418" s="93">
        <v>1.2609252151204332E-2</v>
      </c>
      <c r="AA418" s="217">
        <v>1.1407505694095446E-2</v>
      </c>
      <c r="AB418" s="93">
        <v>3.614229711729876E-3</v>
      </c>
    </row>
    <row r="419" spans="1:28">
      <c r="A419" s="48" t="s">
        <v>560</v>
      </c>
      <c r="B419" s="214">
        <v>2957</v>
      </c>
      <c r="C419" s="218">
        <v>4.6324182025085162E-2</v>
      </c>
      <c r="D419" s="96">
        <v>7.7737305370480063E-3</v>
      </c>
      <c r="E419" s="218">
        <v>6.4337095715950324E-2</v>
      </c>
      <c r="F419" s="96">
        <v>9.0561155783439474E-3</v>
      </c>
      <c r="G419" s="218">
        <v>0.88545559180751499</v>
      </c>
      <c r="H419" s="96">
        <v>1.172838713920854E-2</v>
      </c>
      <c r="I419" s="218">
        <v>3.8831304514485424E-3</v>
      </c>
      <c r="J419" s="96">
        <v>2.4744829198201854E-3</v>
      </c>
      <c r="K419" s="214">
        <v>2951</v>
      </c>
      <c r="L419" s="218">
        <v>0.10455237985419813</v>
      </c>
      <c r="M419" s="96">
        <v>1.1282812874783539E-2</v>
      </c>
      <c r="N419" s="218">
        <v>0.14861301860146048</v>
      </c>
      <c r="O419" s="96">
        <v>1.3104357292564503E-2</v>
      </c>
      <c r="P419" s="218">
        <v>0.74154523517825188</v>
      </c>
      <c r="Q419" s="264">
        <v>1.6113545752638649E-2</v>
      </c>
      <c r="R419" s="218">
        <v>5.2893663660869925E-3</v>
      </c>
      <c r="S419" s="96">
        <v>2.8316594110465686E-3</v>
      </c>
      <c r="T419" s="214">
        <v>2950</v>
      </c>
      <c r="U419" s="218">
        <v>5.0412228665279321E-2</v>
      </c>
      <c r="V419" s="96">
        <v>8.0970643299912159E-3</v>
      </c>
      <c r="W419" s="218">
        <v>6.3329510813254664E-2</v>
      </c>
      <c r="X419" s="96">
        <v>9.0012363080724297E-3</v>
      </c>
      <c r="Y419" s="218">
        <v>0.87850492155973525</v>
      </c>
      <c r="Z419" s="96">
        <v>1.2043801433915171E-2</v>
      </c>
      <c r="AA419" s="218">
        <v>7.753338961730076E-3</v>
      </c>
      <c r="AB419" s="96">
        <v>3.3623414777639461E-3</v>
      </c>
    </row>
    <row r="420" spans="1:28">
      <c r="A420" s="44" t="s">
        <v>368</v>
      </c>
      <c r="B420" s="213">
        <v>159</v>
      </c>
      <c r="C420" s="217">
        <v>4.147933613168156E-2</v>
      </c>
      <c r="D420" s="93">
        <v>3.5011226541797141E-2</v>
      </c>
      <c r="E420" s="217">
        <v>7.079883091940388E-2</v>
      </c>
      <c r="F420" s="93">
        <v>4.2819805748070774E-2</v>
      </c>
      <c r="G420" s="217">
        <v>0.8832162007935761</v>
      </c>
      <c r="H420" s="93">
        <v>5.2018047189536135E-2</v>
      </c>
      <c r="I420" s="217">
        <v>4.5056321553384529E-3</v>
      </c>
      <c r="J420" s="93">
        <v>2.0053475023158244E-2</v>
      </c>
      <c r="K420" s="213">
        <v>159</v>
      </c>
      <c r="L420" s="219">
        <v>0.1163937664024238</v>
      </c>
      <c r="M420" s="93">
        <v>5.1950875878207563E-2</v>
      </c>
      <c r="N420" s="217">
        <v>0.12240882786086744</v>
      </c>
      <c r="O420" s="93">
        <v>5.2969860117755091E-2</v>
      </c>
      <c r="P420" s="217">
        <v>0.74396652049775003</v>
      </c>
      <c r="Q420" s="263">
        <v>6.8885199112469125E-2</v>
      </c>
      <c r="R420" s="217">
        <v>1.7230885238958854E-2</v>
      </c>
      <c r="S420" s="93">
        <v>2.6321490976381437E-2</v>
      </c>
      <c r="T420" s="213">
        <v>157</v>
      </c>
      <c r="U420" s="217">
        <v>7.1288276693770414E-2</v>
      </c>
      <c r="V420" s="93">
        <v>4.3231406237716083E-2</v>
      </c>
      <c r="W420" s="217">
        <v>7.2991549210712506E-2</v>
      </c>
      <c r="X420" s="93">
        <v>4.3627849893339399E-2</v>
      </c>
      <c r="Y420" s="217">
        <v>0.84011918986497447</v>
      </c>
      <c r="Z420" s="93">
        <v>5.8975868050676228E-2</v>
      </c>
      <c r="AA420" s="217">
        <v>1.5600984230542778E-2</v>
      </c>
      <c r="AB420" s="93">
        <v>2.5838489335811714E-2</v>
      </c>
    </row>
    <row r="421" spans="1:28">
      <c r="A421" s="48" t="s">
        <v>150</v>
      </c>
      <c r="B421" s="214">
        <v>272</v>
      </c>
      <c r="C421" s="218">
        <v>3.9779407135654352E-2</v>
      </c>
      <c r="D421" s="96">
        <v>2.5335927415565746E-2</v>
      </c>
      <c r="E421" s="218">
        <v>5.6115178984854089E-2</v>
      </c>
      <c r="F421" s="96">
        <v>2.9151280444977151E-2</v>
      </c>
      <c r="G421" s="218">
        <v>0.89337531550990479</v>
      </c>
      <c r="H421" s="96">
        <v>3.8013860184149248E-2</v>
      </c>
      <c r="I421" s="218">
        <v>1.0730098369583402E-2</v>
      </c>
      <c r="J421" s="96">
        <v>1.5927089156907815E-2</v>
      </c>
      <c r="K421" s="214">
        <v>269</v>
      </c>
      <c r="L421" s="218">
        <v>6.0846827085270325E-2</v>
      </c>
      <c r="M421" s="96">
        <v>3.0322933860657795E-2</v>
      </c>
      <c r="N421" s="218">
        <v>0.10398802424559758</v>
      </c>
      <c r="O421" s="96">
        <v>3.7842253286116671E-2</v>
      </c>
      <c r="P421" s="218">
        <v>0.83113544372588921</v>
      </c>
      <c r="Q421" s="264">
        <v>4.5859953199331081E-2</v>
      </c>
      <c r="R421" s="218">
        <v>4.0297049432404339E-3</v>
      </c>
      <c r="S421" s="96">
        <v>1.279254260984288E-2</v>
      </c>
      <c r="T421" s="214">
        <v>270</v>
      </c>
      <c r="U421" s="218">
        <v>3.5520176616940402E-2</v>
      </c>
      <c r="V421" s="96">
        <v>2.4318908413269988E-2</v>
      </c>
      <c r="W421" s="218">
        <v>2.6628612382142428E-2</v>
      </c>
      <c r="X421" s="96">
        <v>2.1753183988982787E-2</v>
      </c>
      <c r="Y421" s="218">
        <v>0.9378512110009144</v>
      </c>
      <c r="Z421" s="96">
        <v>3.0528899627321238E-2</v>
      </c>
      <c r="AA421" s="218">
        <v>0</v>
      </c>
      <c r="AB421" s="96">
        <v>1.0284983546924101E-2</v>
      </c>
    </row>
    <row r="422" spans="1:28">
      <c r="A422" s="44" t="s">
        <v>352</v>
      </c>
      <c r="B422" s="213">
        <v>120</v>
      </c>
      <c r="C422" s="217">
        <v>5.5989068187172281E-2</v>
      </c>
      <c r="D422" s="93">
        <v>4.592006516255593E-2</v>
      </c>
      <c r="E422" s="217">
        <v>3.4364989967840383E-2</v>
      </c>
      <c r="F422" s="93">
        <v>3.8915354422286969E-2</v>
      </c>
      <c r="G422" s="217">
        <v>0.88297162165321508</v>
      </c>
      <c r="H422" s="93">
        <v>6.0279596305105224E-2</v>
      </c>
      <c r="I422" s="217">
        <v>2.6674320191771964E-2</v>
      </c>
      <c r="J422" s="93">
        <v>3.6003442686636002E-2</v>
      </c>
      <c r="K422" s="213">
        <v>118</v>
      </c>
      <c r="L422" s="219">
        <v>4.0595852107753648E-2</v>
      </c>
      <c r="M422" s="93">
        <v>4.1512565231467617E-2</v>
      </c>
      <c r="N422" s="217">
        <v>0.14824177175878928</v>
      </c>
      <c r="O422" s="93">
        <v>6.6344069033352118E-2</v>
      </c>
      <c r="P422" s="217">
        <v>0.80108913897012368</v>
      </c>
      <c r="Q422" s="263">
        <v>7.3594468553359063E-2</v>
      </c>
      <c r="R422" s="217">
        <v>1.0073237163333193E-2</v>
      </c>
      <c r="S422" s="93">
        <v>2.8888308260987542E-2</v>
      </c>
      <c r="T422" s="213">
        <v>120</v>
      </c>
      <c r="U422" s="217">
        <v>1.7727961078233039E-2</v>
      </c>
      <c r="V422" s="93">
        <v>3.221761898724456E-2</v>
      </c>
      <c r="W422" s="217">
        <v>2.4826876251779331E-2</v>
      </c>
      <c r="X422" s="93">
        <v>3.5260603151751405E-2</v>
      </c>
      <c r="Y422" s="217">
        <v>0.95744516266998769</v>
      </c>
      <c r="Z422" s="93">
        <v>4.1746766127692965E-2</v>
      </c>
      <c r="AA422" s="217">
        <v>0</v>
      </c>
      <c r="AB422" s="93">
        <v>2.262519761202799E-2</v>
      </c>
    </row>
    <row r="423" spans="1:28">
      <c r="A423" s="48" t="s">
        <v>353</v>
      </c>
      <c r="B423" s="214">
        <v>117</v>
      </c>
      <c r="C423" s="218">
        <v>4.1847725039371217E-2</v>
      </c>
      <c r="D423" s="96">
        <v>4.2150859994780479E-2</v>
      </c>
      <c r="E423" s="218">
        <v>8.9303713870932069E-2</v>
      </c>
      <c r="F423" s="96">
        <v>5.5236849446156137E-2</v>
      </c>
      <c r="G423" s="218">
        <v>0.86884856108969644</v>
      </c>
      <c r="H423" s="96">
        <v>6.3713473771165777E-2</v>
      </c>
      <c r="I423" s="218">
        <v>0</v>
      </c>
      <c r="J423" s="96">
        <v>2.3181440451602572E-2</v>
      </c>
      <c r="K423" s="214">
        <v>116</v>
      </c>
      <c r="L423" s="218">
        <v>9.495590351536505E-2</v>
      </c>
      <c r="M423" s="96">
        <v>5.67727550719394E-2</v>
      </c>
      <c r="N423" s="218">
        <v>6.2882794914953036E-2</v>
      </c>
      <c r="O423" s="96">
        <v>4.8803805909828496E-2</v>
      </c>
      <c r="P423" s="218">
        <v>0.84216130156968172</v>
      </c>
      <c r="Q423" s="264">
        <v>6.845935976333288E-2</v>
      </c>
      <c r="R423" s="218">
        <v>0</v>
      </c>
      <c r="S423" s="96">
        <v>2.3372982186625143E-2</v>
      </c>
      <c r="T423" s="214">
        <v>116</v>
      </c>
      <c r="U423" s="218">
        <v>5.4847851955435151E-2</v>
      </c>
      <c r="V423" s="96">
        <v>4.6486586771841865E-2</v>
      </c>
      <c r="W423" s="218">
        <v>2.6395485119187056E-2</v>
      </c>
      <c r="X423" s="96">
        <v>3.6698299531940551E-2</v>
      </c>
      <c r="Y423" s="218">
        <v>0.91875666292537783</v>
      </c>
      <c r="Z423" s="96">
        <v>5.3584354734333095E-2</v>
      </c>
      <c r="AA423" s="218">
        <v>0</v>
      </c>
      <c r="AB423" s="96">
        <v>2.3372982186625143E-2</v>
      </c>
    </row>
    <row r="424" spans="1:28">
      <c r="A424" s="44" t="s">
        <v>369</v>
      </c>
      <c r="B424" s="213">
        <v>424</v>
      </c>
      <c r="C424" s="217">
        <v>5.5233220219336722E-2</v>
      </c>
      <c r="D424" s="93">
        <v>2.2849110211021154E-2</v>
      </c>
      <c r="E424" s="217">
        <v>9.6291256524587115E-2</v>
      </c>
      <c r="F424" s="93">
        <v>2.9010372657093299E-2</v>
      </c>
      <c r="G424" s="217">
        <v>0.84828775111418364</v>
      </c>
      <c r="H424" s="93">
        <v>3.4983630137255486E-2</v>
      </c>
      <c r="I424" s="217">
        <v>1.8777214189215219E-4</v>
      </c>
      <c r="J424" s="93">
        <v>6.7223336851069092E-3</v>
      </c>
      <c r="K424" s="213">
        <v>422</v>
      </c>
      <c r="L424" s="219">
        <v>7.1155514494886163E-2</v>
      </c>
      <c r="M424" s="93">
        <v>2.5551174202285049E-2</v>
      </c>
      <c r="N424" s="217">
        <v>0.15662822412989674</v>
      </c>
      <c r="O424" s="93">
        <v>3.5510970511861223E-2</v>
      </c>
      <c r="P424" s="217">
        <v>0.77202745994428634</v>
      </c>
      <c r="Q424" s="263">
        <v>4.0811508582044402E-2</v>
      </c>
      <c r="R424" s="217">
        <v>1.8880143092938519E-4</v>
      </c>
      <c r="S424" s="93">
        <v>6.7539115628497352E-3</v>
      </c>
      <c r="T424" s="213">
        <v>423</v>
      </c>
      <c r="U424" s="217">
        <v>7.7989694687416039E-2</v>
      </c>
      <c r="V424" s="93">
        <v>2.654646499539022E-2</v>
      </c>
      <c r="W424" s="217">
        <v>7.4859161353558037E-2</v>
      </c>
      <c r="X424" s="93">
        <v>2.6083225565373576E-2</v>
      </c>
      <c r="Y424" s="217">
        <v>0.84696305787488457</v>
      </c>
      <c r="Z424" s="93">
        <v>3.5145931759394754E-2</v>
      </c>
      <c r="AA424" s="217">
        <v>1.8808608414101475E-4</v>
      </c>
      <c r="AB424" s="93">
        <v>6.7379497064586433E-3</v>
      </c>
    </row>
    <row r="425" spans="1:28">
      <c r="A425" s="48" t="s">
        <v>354</v>
      </c>
      <c r="B425" s="214">
        <v>70</v>
      </c>
      <c r="C425" s="218">
        <v>6.2095841501969111E-2</v>
      </c>
      <c r="D425" s="96">
        <v>6.5103025241989576E-2</v>
      </c>
      <c r="E425" s="218">
        <v>0.19564896991642899</v>
      </c>
      <c r="F425" s="96">
        <v>9.5043036353382154E-2</v>
      </c>
      <c r="G425" s="218">
        <v>0.74225518858160211</v>
      </c>
      <c r="H425" s="96">
        <v>0.10331938168976593</v>
      </c>
      <c r="I425" s="218">
        <v>0</v>
      </c>
      <c r="J425" s="96">
        <v>3.7701936889887336E-2</v>
      </c>
      <c r="K425" s="214">
        <v>71</v>
      </c>
      <c r="L425" s="218">
        <v>0.14463683651108877</v>
      </c>
      <c r="M425" s="96">
        <v>8.5425367484935025E-2</v>
      </c>
      <c r="N425" s="218">
        <v>0.11674070454149377</v>
      </c>
      <c r="O425" s="96">
        <v>7.9452298002001792E-2</v>
      </c>
      <c r="P425" s="218">
        <v>0.73862245894741763</v>
      </c>
      <c r="Q425" s="264">
        <v>0.10301353433454484</v>
      </c>
      <c r="R425" s="218">
        <v>0</v>
      </c>
      <c r="S425" s="96">
        <v>3.7206132509255738E-2</v>
      </c>
      <c r="T425" s="214">
        <v>70</v>
      </c>
      <c r="U425" s="218">
        <v>3.9903761590867108E-2</v>
      </c>
      <c r="V425" s="96">
        <v>5.7223213806428939E-2</v>
      </c>
      <c r="W425" s="218">
        <v>0.12153572922586443</v>
      </c>
      <c r="X425" s="96">
        <v>8.115090122415837E-2</v>
      </c>
      <c r="Y425" s="218">
        <v>0.83856050918326863</v>
      </c>
      <c r="Z425" s="96">
        <v>8.9271396137498779E-2</v>
      </c>
      <c r="AA425" s="218">
        <v>0</v>
      </c>
      <c r="AB425" s="96">
        <v>3.7701936889887336E-2</v>
      </c>
    </row>
    <row r="426" spans="1:28">
      <c r="A426" s="44" t="s">
        <v>355</v>
      </c>
      <c r="B426" s="213">
        <v>75</v>
      </c>
      <c r="C426" s="217">
        <v>3.2333045615016993E-2</v>
      </c>
      <c r="D426" s="93">
        <v>5.1741811702449701E-2</v>
      </c>
      <c r="E426" s="217">
        <v>4.7496923027528323E-2</v>
      </c>
      <c r="F426" s="93">
        <v>5.7567184045091431E-2</v>
      </c>
      <c r="G426" s="217">
        <v>0.92017003135745457</v>
      </c>
      <c r="H426" s="93">
        <v>6.7835355699674457E-2</v>
      </c>
      <c r="I426" s="217">
        <v>0</v>
      </c>
      <c r="J426" s="93">
        <v>3.5346768793784435E-2</v>
      </c>
      <c r="K426" s="213">
        <v>75</v>
      </c>
      <c r="L426" s="219">
        <v>6.5316724399024959E-2</v>
      </c>
      <c r="M426" s="93">
        <v>6.3525206069096091E-2</v>
      </c>
      <c r="N426" s="217">
        <v>0.10820566993082244</v>
      </c>
      <c r="O426" s="93">
        <v>7.5186942079968094E-2</v>
      </c>
      <c r="P426" s="217">
        <v>0.82647760567015238</v>
      </c>
      <c r="Q426" s="263">
        <v>8.8284006300366008E-2</v>
      </c>
      <c r="R426" s="217">
        <v>0</v>
      </c>
      <c r="S426" s="93">
        <v>3.5346768793784435E-2</v>
      </c>
      <c r="T426" s="213">
        <v>75</v>
      </c>
      <c r="U426" s="217">
        <v>0.1266534677995472</v>
      </c>
      <c r="V426" s="93">
        <v>7.9355065985253007E-2</v>
      </c>
      <c r="W426" s="217">
        <v>6.7562244586180292E-2</v>
      </c>
      <c r="X426" s="93">
        <v>6.4220791736478211E-2</v>
      </c>
      <c r="Y426" s="217">
        <v>0.80578428761427257</v>
      </c>
      <c r="Z426" s="93">
        <v>9.1603166306230818E-2</v>
      </c>
      <c r="AA426" s="217">
        <v>0</v>
      </c>
      <c r="AB426" s="93">
        <v>3.5346768793784435E-2</v>
      </c>
    </row>
    <row r="427" spans="1:28">
      <c r="A427" s="48" t="s">
        <v>356</v>
      </c>
      <c r="B427" s="214">
        <v>67</v>
      </c>
      <c r="C427" s="218">
        <v>8.0942329744741373E-2</v>
      </c>
      <c r="D427" s="96">
        <v>7.2624931320384167E-2</v>
      </c>
      <c r="E427" s="218">
        <v>0.10214767499134833</v>
      </c>
      <c r="F427" s="96">
        <v>7.8380159146375458E-2</v>
      </c>
      <c r="G427" s="218">
        <v>0.81690999526391006</v>
      </c>
      <c r="H427" s="96">
        <v>9.511018431029096E-2</v>
      </c>
      <c r="I427" s="218">
        <v>0</v>
      </c>
      <c r="J427" s="96">
        <v>3.9271909274046654E-2</v>
      </c>
      <c r="K427" s="214">
        <v>65</v>
      </c>
      <c r="L427" s="218">
        <v>5.2857420354077395E-2</v>
      </c>
      <c r="M427" s="96">
        <v>6.4862235780836802E-2</v>
      </c>
      <c r="N427" s="218">
        <v>0.2062471581237629</v>
      </c>
      <c r="O427" s="96">
        <v>0.10026746795512929</v>
      </c>
      <c r="P427" s="218">
        <v>0.74089542152215959</v>
      </c>
      <c r="Q427" s="264">
        <v>0.1072725262961773</v>
      </c>
      <c r="R427" s="218">
        <v>0</v>
      </c>
      <c r="S427" s="96">
        <v>4.0393246397800862E-2</v>
      </c>
      <c r="T427" s="214">
        <v>65</v>
      </c>
      <c r="U427" s="218">
        <v>0.15339948617596538</v>
      </c>
      <c r="V427" s="96">
        <v>9.1173572950904294E-2</v>
      </c>
      <c r="W427" s="218">
        <v>0.10277294433809017</v>
      </c>
      <c r="X427" s="96">
        <v>7.9845796616613854E-2</v>
      </c>
      <c r="Y427" s="218">
        <v>0.7438275694859442</v>
      </c>
      <c r="Z427" s="96">
        <v>0.10693118255218317</v>
      </c>
      <c r="AA427" s="218">
        <v>0</v>
      </c>
      <c r="AB427" s="96">
        <v>4.0393246397800862E-2</v>
      </c>
    </row>
    <row r="428" spans="1:28">
      <c r="A428" s="56" t="s">
        <v>357</v>
      </c>
      <c r="B428" s="213">
        <v>54</v>
      </c>
      <c r="C428" s="217">
        <v>1.1520378201392179E-3</v>
      </c>
      <c r="D428" s="93">
        <v>4.8630317604120961E-2</v>
      </c>
      <c r="E428" s="217">
        <v>7.5738121904293895E-2</v>
      </c>
      <c r="F428" s="93">
        <v>8.0504047357965305E-2</v>
      </c>
      <c r="G428" s="217">
        <v>0.92195780245542747</v>
      </c>
      <c r="H428" s="93">
        <v>8.1224749856213183E-2</v>
      </c>
      <c r="I428" s="217">
        <v>1.1520378201392179E-3</v>
      </c>
      <c r="J428" s="93">
        <v>4.8630317604120961E-2</v>
      </c>
      <c r="K428" s="213">
        <v>54</v>
      </c>
      <c r="L428" s="219">
        <v>1.1520378201392179E-3</v>
      </c>
      <c r="M428" s="93">
        <v>4.8630317604120961E-2</v>
      </c>
      <c r="N428" s="217">
        <v>9.212052149877957E-2</v>
      </c>
      <c r="O428" s="93">
        <v>8.5415836521631094E-2</v>
      </c>
      <c r="P428" s="217">
        <v>0.90557540286094185</v>
      </c>
      <c r="Q428" s="263">
        <v>8.6069218955025992E-2</v>
      </c>
      <c r="R428" s="217">
        <v>1.1520378201392179E-3</v>
      </c>
      <c r="S428" s="93">
        <v>4.8630317604120961E-2</v>
      </c>
      <c r="T428" s="213">
        <v>54</v>
      </c>
      <c r="U428" s="217">
        <v>0</v>
      </c>
      <c r="V428" s="93">
        <v>4.7917816122734561E-2</v>
      </c>
      <c r="W428" s="217">
        <v>3.2536433864576282E-2</v>
      </c>
      <c r="X428" s="93">
        <v>6.4636629382737121E-2</v>
      </c>
      <c r="Y428" s="217">
        <v>0.96631152831528455</v>
      </c>
      <c r="Z428" s="93">
        <v>6.513219615495254E-2</v>
      </c>
      <c r="AA428" s="217">
        <v>1.1520378201392179E-3</v>
      </c>
      <c r="AB428" s="93">
        <v>4.8630317604120961E-2</v>
      </c>
    </row>
    <row r="429" spans="1:28">
      <c r="A429" s="48" t="s">
        <v>358</v>
      </c>
      <c r="B429" s="214">
        <v>98</v>
      </c>
      <c r="C429" s="218">
        <v>2.3886817888832738E-2</v>
      </c>
      <c r="D429" s="96">
        <v>3.9973886698575711E-2</v>
      </c>
      <c r="E429" s="218">
        <v>5.3520317074613598E-2</v>
      </c>
      <c r="F429" s="96">
        <v>5.0868596323872597E-2</v>
      </c>
      <c r="G429" s="218">
        <v>0.89545235479754581</v>
      </c>
      <c r="H429" s="96">
        <v>6.4364841892220165E-2</v>
      </c>
      <c r="I429" s="218">
        <v>2.7140510239007699E-2</v>
      </c>
      <c r="J429" s="96">
        <v>4.1348347995927293E-2</v>
      </c>
      <c r="K429" s="214">
        <v>98</v>
      </c>
      <c r="L429" s="218">
        <v>0.12147564080504029</v>
      </c>
      <c r="M429" s="96">
        <v>6.7949422837115095E-2</v>
      </c>
      <c r="N429" s="218">
        <v>0.2493410209495843</v>
      </c>
      <c r="O429" s="96">
        <v>8.6772474428985308E-2</v>
      </c>
      <c r="P429" s="218">
        <v>0.6277842028800279</v>
      </c>
      <c r="Q429" s="264">
        <v>9.5983408760463157E-2</v>
      </c>
      <c r="R429" s="218">
        <v>1.3991353653471207E-3</v>
      </c>
      <c r="S429" s="96">
        <v>2.8362582031295009E-2</v>
      </c>
      <c r="T429" s="214">
        <v>98</v>
      </c>
      <c r="U429" s="218">
        <v>5.6838972635541662E-2</v>
      </c>
      <c r="V429" s="96">
        <v>5.1908497625347973E-2</v>
      </c>
      <c r="W429" s="218">
        <v>6.1923720959718348E-2</v>
      </c>
      <c r="X429" s="96">
        <v>5.3448112767968771E-2</v>
      </c>
      <c r="Y429" s="218">
        <v>0.85409679616573198</v>
      </c>
      <c r="Z429" s="96">
        <v>7.2560107731210674E-2</v>
      </c>
      <c r="AA429" s="218">
        <v>2.7140510239007699E-2</v>
      </c>
      <c r="AB429" s="96">
        <v>4.1348347995927293E-2</v>
      </c>
    </row>
    <row r="430" spans="1:28">
      <c r="A430" s="56" t="s">
        <v>359</v>
      </c>
      <c r="B430" s="213">
        <v>114</v>
      </c>
      <c r="C430" s="217">
        <v>7.1519852526572239E-2</v>
      </c>
      <c r="D430" s="93">
        <v>5.1631329844085451E-2</v>
      </c>
      <c r="E430" s="217">
        <v>0.11290397149890322</v>
      </c>
      <c r="F430" s="93">
        <v>6.1103787967342109E-2</v>
      </c>
      <c r="G430" s="217">
        <v>0.81557617597452425</v>
      </c>
      <c r="H430" s="93">
        <v>7.2963652758959066E-2</v>
      </c>
      <c r="I430" s="217">
        <v>0</v>
      </c>
      <c r="J430" s="93">
        <v>2.3765720057393202E-2</v>
      </c>
      <c r="K430" s="213">
        <v>113</v>
      </c>
      <c r="L430" s="219">
        <v>8.741200857446367E-2</v>
      </c>
      <c r="M430" s="93">
        <v>5.5842195758273754E-2</v>
      </c>
      <c r="N430" s="217">
        <v>0.1766880909122451</v>
      </c>
      <c r="O430" s="93">
        <v>7.2204510744993788E-2</v>
      </c>
      <c r="P430" s="217">
        <v>0.73589990051329079</v>
      </c>
      <c r="Q430" s="263">
        <v>8.2294288901588353E-2</v>
      </c>
      <c r="R430" s="217">
        <v>0</v>
      </c>
      <c r="S430" s="93">
        <v>2.3967079753657358E-2</v>
      </c>
      <c r="T430" s="213">
        <v>115</v>
      </c>
      <c r="U430" s="217">
        <v>7.2227367266644568E-2</v>
      </c>
      <c r="V430" s="93">
        <v>5.1565616737640423E-2</v>
      </c>
      <c r="W430" s="217">
        <v>8.4556749459330352E-2</v>
      </c>
      <c r="X430" s="93">
        <v>5.4638551357582006E-2</v>
      </c>
      <c r="Y430" s="217">
        <v>0.84321588327402497</v>
      </c>
      <c r="Z430" s="93">
        <v>6.8596714129672859E-2</v>
      </c>
      <c r="AA430" s="217">
        <v>0</v>
      </c>
      <c r="AB430" s="93">
        <v>2.3567715249216942E-2</v>
      </c>
    </row>
    <row r="431" spans="1:28">
      <c r="A431" s="48" t="s">
        <v>371</v>
      </c>
      <c r="B431" s="214">
        <v>182</v>
      </c>
      <c r="C431" s="218">
        <v>1.3610690359978471E-2</v>
      </c>
      <c r="D431" s="96">
        <v>2.2476404877378047E-2</v>
      </c>
      <c r="E431" s="218">
        <v>7.94408009357064E-3</v>
      </c>
      <c r="F431" s="96">
        <v>1.9774382162854653E-2</v>
      </c>
      <c r="G431" s="218">
        <v>0.96779912100041099</v>
      </c>
      <c r="H431" s="96">
        <v>2.9503080457824418E-2</v>
      </c>
      <c r="I431" s="218">
        <v>1.0646108546039885E-2</v>
      </c>
      <c r="J431" s="96">
        <v>2.1109894574811904E-2</v>
      </c>
      <c r="K431" s="214">
        <v>181</v>
      </c>
      <c r="L431" s="218">
        <v>0.10153257184520997</v>
      </c>
      <c r="M431" s="96">
        <v>4.6035352675802742E-2</v>
      </c>
      <c r="N431" s="218">
        <v>0.15654188962036675</v>
      </c>
      <c r="O431" s="96">
        <v>5.4442134382149343E-2</v>
      </c>
      <c r="P431" s="218">
        <v>0.74192553853442367</v>
      </c>
      <c r="Q431" s="264">
        <v>6.4761618826900624E-2</v>
      </c>
      <c r="R431" s="218">
        <v>0</v>
      </c>
      <c r="S431" s="96">
        <v>1.5205928559628042E-2</v>
      </c>
      <c r="T431" s="214">
        <v>182</v>
      </c>
      <c r="U431" s="218">
        <v>1.1914206892579403E-2</v>
      </c>
      <c r="V431" s="96">
        <v>2.1705971222659982E-2</v>
      </c>
      <c r="W431" s="218">
        <v>3.1101431427839162E-2</v>
      </c>
      <c r="X431" s="96">
        <v>2.9141495749250654E-2</v>
      </c>
      <c r="Y431" s="218">
        <v>0.94223837621859163</v>
      </c>
      <c r="Z431" s="96">
        <v>3.6734030248991134E-2</v>
      </c>
      <c r="AA431" s="218">
        <v>1.4745985460990011E-2</v>
      </c>
      <c r="AB431" s="96">
        <v>2.2976118934627365E-2</v>
      </c>
    </row>
    <row r="432" spans="1:28">
      <c r="A432" s="56" t="s">
        <v>360</v>
      </c>
      <c r="B432" s="213">
        <v>102</v>
      </c>
      <c r="C432" s="217">
        <v>0</v>
      </c>
      <c r="D432" s="93">
        <v>2.6430347017829241E-2</v>
      </c>
      <c r="E432" s="217">
        <v>1.4648940630887768E-2</v>
      </c>
      <c r="F432" s="93">
        <v>3.4683172315578777E-2</v>
      </c>
      <c r="G432" s="217">
        <v>0.96571955890537142</v>
      </c>
      <c r="H432" s="93">
        <v>4.3073367648395706E-2</v>
      </c>
      <c r="I432" s="217">
        <v>1.9631500463740684E-2</v>
      </c>
      <c r="J432" s="93">
        <v>3.7027730938348401E-2</v>
      </c>
      <c r="K432" s="213">
        <v>101</v>
      </c>
      <c r="L432" s="219">
        <v>8.0374840841013762E-2</v>
      </c>
      <c r="M432" s="93">
        <v>5.7594709888384957E-2</v>
      </c>
      <c r="N432" s="217">
        <v>0.1731779957353746</v>
      </c>
      <c r="O432" s="93">
        <v>7.5887252353703152E-2</v>
      </c>
      <c r="P432" s="217">
        <v>0.74644716342361161</v>
      </c>
      <c r="Q432" s="263">
        <v>8.5924257393898543E-2</v>
      </c>
      <c r="R432" s="217">
        <v>0</v>
      </c>
      <c r="S432" s="93">
        <v>2.6679621084077194E-2</v>
      </c>
      <c r="T432" s="213">
        <v>102</v>
      </c>
      <c r="U432" s="217">
        <v>0</v>
      </c>
      <c r="V432" s="93">
        <v>2.6430347017829241E-2</v>
      </c>
      <c r="W432" s="217">
        <v>0</v>
      </c>
      <c r="X432" s="93">
        <v>2.6430347017829241E-2</v>
      </c>
      <c r="Y432" s="217">
        <v>0.97280829711966232</v>
      </c>
      <c r="Z432" s="93">
        <v>4.0284604017302446E-2</v>
      </c>
      <c r="AA432" s="217">
        <v>2.7191702880337537E-2</v>
      </c>
      <c r="AB432" s="93">
        <v>4.0284604017302404E-2</v>
      </c>
    </row>
    <row r="433" spans="1:28">
      <c r="A433" s="48" t="s">
        <v>370</v>
      </c>
      <c r="B433" s="214">
        <v>292</v>
      </c>
      <c r="C433" s="218">
        <v>5.170514780541937E-2</v>
      </c>
      <c r="D433" s="96">
        <v>2.7120003749961753E-2</v>
      </c>
      <c r="E433" s="218">
        <v>5.7087476553376239E-2</v>
      </c>
      <c r="F433" s="96">
        <v>2.8259082546352263E-2</v>
      </c>
      <c r="G433" s="218">
        <v>0.88056587583754808</v>
      </c>
      <c r="H433" s="96">
        <v>3.8389451798175343E-2</v>
      </c>
      <c r="I433" s="218">
        <v>1.0641499803655863E-2</v>
      </c>
      <c r="J433" s="96">
        <v>1.5137538973827176E-2</v>
      </c>
      <c r="K433" s="214">
        <v>292</v>
      </c>
      <c r="L433" s="218">
        <v>8.747897137643626E-2</v>
      </c>
      <c r="M433" s="96">
        <v>3.3770811630290894E-2</v>
      </c>
      <c r="N433" s="218">
        <v>0.16121866388119505</v>
      </c>
      <c r="O433" s="96">
        <v>4.3232278740284937E-2</v>
      </c>
      <c r="P433" s="218">
        <v>0.74589338983407472</v>
      </c>
      <c r="Q433" s="264">
        <v>5.0825556128603948E-2</v>
      </c>
      <c r="R433" s="218">
        <v>5.4089749082930202E-3</v>
      </c>
      <c r="S433" s="96">
        <v>1.2705821994965739E-2</v>
      </c>
      <c r="T433" s="214">
        <v>292</v>
      </c>
      <c r="U433" s="218">
        <v>7.2727126438820858E-2</v>
      </c>
      <c r="V433" s="96">
        <v>3.1265788221593475E-2</v>
      </c>
      <c r="W433" s="218">
        <v>7.1132232563321629E-2</v>
      </c>
      <c r="X433" s="96">
        <v>3.0977294496774981E-2</v>
      </c>
      <c r="Y433" s="218">
        <v>0.84011481770137797</v>
      </c>
      <c r="Z433" s="96">
        <v>4.3094368645715309E-2</v>
      </c>
      <c r="AA433" s="218">
        <v>1.6025823296479023E-2</v>
      </c>
      <c r="AB433" s="96">
        <v>1.7264551185954269E-2</v>
      </c>
    </row>
    <row r="434" spans="1:28">
      <c r="A434" s="56" t="s">
        <v>361</v>
      </c>
      <c r="B434" s="213">
        <v>126</v>
      </c>
      <c r="C434" s="217">
        <v>3.2936206452163032E-2</v>
      </c>
      <c r="D434" s="93">
        <v>3.7239106820482433E-2</v>
      </c>
      <c r="E434" s="217">
        <v>9.3908864267504069E-2</v>
      </c>
      <c r="F434" s="93">
        <v>5.4088864202590521E-2</v>
      </c>
      <c r="G434" s="217">
        <v>0.87315492928033278</v>
      </c>
      <c r="H434" s="93">
        <v>6.0559562056067565E-2</v>
      </c>
      <c r="I434" s="217">
        <v>0</v>
      </c>
      <c r="J434" s="93">
        <v>2.158912047524995E-2</v>
      </c>
      <c r="K434" s="213">
        <v>127</v>
      </c>
      <c r="L434" s="219">
        <v>7.6876723912243497E-2</v>
      </c>
      <c r="M434" s="93">
        <v>4.9956654142333058E-2</v>
      </c>
      <c r="N434" s="217">
        <v>0.15708668347718432</v>
      </c>
      <c r="O434" s="93">
        <v>6.5260924074817483E-2</v>
      </c>
      <c r="P434" s="217">
        <v>0.76603659261057178</v>
      </c>
      <c r="Q434" s="263">
        <v>7.484961210289745E-2</v>
      </c>
      <c r="R434" s="217">
        <v>0</v>
      </c>
      <c r="S434" s="93">
        <v>2.1425595681499328E-2</v>
      </c>
      <c r="T434" s="213">
        <v>126</v>
      </c>
      <c r="U434" s="217">
        <v>8.7806303517323131E-2</v>
      </c>
      <c r="V434" s="93">
        <v>5.2737699225039444E-2</v>
      </c>
      <c r="W434" s="217">
        <v>9.644379638287244E-2</v>
      </c>
      <c r="X434" s="93">
        <v>5.4634509393070428E-2</v>
      </c>
      <c r="Y434" s="217">
        <v>0.8152809238404588</v>
      </c>
      <c r="Z434" s="93">
        <v>6.9419766749625994E-2</v>
      </c>
      <c r="AA434" s="217">
        <v>4.6897625934523774E-4</v>
      </c>
      <c r="AB434" s="93">
        <v>2.1900672673094229E-2</v>
      </c>
    </row>
    <row r="435" spans="1:28">
      <c r="A435" s="48" t="s">
        <v>375</v>
      </c>
      <c r="B435" s="214">
        <v>112</v>
      </c>
      <c r="C435" s="218">
        <v>8.9239259288997397E-2</v>
      </c>
      <c r="D435" s="96">
        <v>5.6541457150068211E-2</v>
      </c>
      <c r="E435" s="218">
        <v>1.5144844774286402E-2</v>
      </c>
      <c r="F435" s="96">
        <v>3.2615140509392834E-2</v>
      </c>
      <c r="G435" s="218">
        <v>0.88430241216650163</v>
      </c>
      <c r="H435" s="96">
        <v>6.2234663985468508E-2</v>
      </c>
      <c r="I435" s="218">
        <v>1.1313483770214763E-2</v>
      </c>
      <c r="J435" s="96">
        <v>3.072205217478801E-2</v>
      </c>
      <c r="K435" s="214">
        <v>111</v>
      </c>
      <c r="L435" s="218">
        <v>8.1917441435010993E-2</v>
      </c>
      <c r="M435" s="96">
        <v>5.5058867859652118E-2</v>
      </c>
      <c r="N435" s="218">
        <v>0.13696439089739171</v>
      </c>
      <c r="O435" s="96">
        <v>6.6519440716753767E-2</v>
      </c>
      <c r="P435" s="218">
        <v>0.76901113122881015</v>
      </c>
      <c r="Q435" s="264">
        <v>7.9690637676762877E-2</v>
      </c>
      <c r="R435" s="218">
        <v>1.2107036438787173E-2</v>
      </c>
      <c r="S435" s="96">
        <v>3.1336458209001793E-2</v>
      </c>
      <c r="T435" s="214">
        <v>112</v>
      </c>
      <c r="U435" s="218">
        <v>6.2790437130880963E-2</v>
      </c>
      <c r="V435" s="96">
        <v>4.9759219228719495E-2</v>
      </c>
      <c r="W435" s="218">
        <v>4.1083261275816164E-2</v>
      </c>
      <c r="X435" s="96">
        <v>4.3019425694643315E-2</v>
      </c>
      <c r="Y435" s="218">
        <v>0.87260371164587236</v>
      </c>
      <c r="Z435" s="96">
        <v>6.4480983166275277E-2</v>
      </c>
      <c r="AA435" s="218">
        <v>2.3522589947430603E-2</v>
      </c>
      <c r="AB435" s="96">
        <v>3.6368144267133452E-2</v>
      </c>
    </row>
    <row r="436" spans="1:28">
      <c r="A436" s="56" t="s">
        <v>358</v>
      </c>
      <c r="B436" s="213">
        <v>98</v>
      </c>
      <c r="C436" s="217">
        <v>2.3886817888832738E-2</v>
      </c>
      <c r="D436" s="93">
        <v>3.9973886698575711E-2</v>
      </c>
      <c r="E436" s="217">
        <v>5.3520317074613598E-2</v>
      </c>
      <c r="F436" s="93">
        <v>5.0868596323872597E-2</v>
      </c>
      <c r="G436" s="217">
        <v>0.89545235479754581</v>
      </c>
      <c r="H436" s="93">
        <v>6.4364841892220165E-2</v>
      </c>
      <c r="I436" s="217">
        <v>2.7140510239007699E-2</v>
      </c>
      <c r="J436" s="93">
        <v>4.1348347995927293E-2</v>
      </c>
      <c r="K436" s="213">
        <v>98</v>
      </c>
      <c r="L436" s="219">
        <v>0.12147564080504029</v>
      </c>
      <c r="M436" s="93">
        <v>6.7949422837115095E-2</v>
      </c>
      <c r="N436" s="217">
        <v>0.2493410209495843</v>
      </c>
      <c r="O436" s="93">
        <v>8.6772474428985308E-2</v>
      </c>
      <c r="P436" s="217">
        <v>0.6277842028800279</v>
      </c>
      <c r="Q436" s="263">
        <v>9.5983408760463157E-2</v>
      </c>
      <c r="R436" s="217">
        <v>1.3991353653471207E-3</v>
      </c>
      <c r="S436" s="93">
        <v>2.8362582031295009E-2</v>
      </c>
      <c r="T436" s="213">
        <v>98</v>
      </c>
      <c r="U436" s="217">
        <v>5.6838972635541662E-2</v>
      </c>
      <c r="V436" s="93">
        <v>5.1908497625347973E-2</v>
      </c>
      <c r="W436" s="217">
        <v>6.1923720959718348E-2</v>
      </c>
      <c r="X436" s="93">
        <v>5.3448112767968771E-2</v>
      </c>
      <c r="Y436" s="217">
        <v>0.85409679616573198</v>
      </c>
      <c r="Z436" s="93">
        <v>7.2560107731210674E-2</v>
      </c>
      <c r="AA436" s="217">
        <v>2.7140510239007699E-2</v>
      </c>
      <c r="AB436" s="93">
        <v>4.1348347995927293E-2</v>
      </c>
    </row>
  </sheetData>
  <mergeCells count="59">
    <mergeCell ref="A293:S293"/>
    <mergeCell ref="A266:D266"/>
    <mergeCell ref="B295:J295"/>
    <mergeCell ref="A324:D324"/>
    <mergeCell ref="A322:D322"/>
    <mergeCell ref="K411:S411"/>
    <mergeCell ref="B411:J411"/>
    <mergeCell ref="A380:D380"/>
    <mergeCell ref="T411:AB411"/>
    <mergeCell ref="A294:S294"/>
    <mergeCell ref="A381:D381"/>
    <mergeCell ref="A382:D382"/>
    <mergeCell ref="K353:S353"/>
    <mergeCell ref="T353:AB353"/>
    <mergeCell ref="A3:D3"/>
    <mergeCell ref="A4:D4"/>
    <mergeCell ref="A5:D5"/>
    <mergeCell ref="A32:BD32"/>
    <mergeCell ref="A149:AH149"/>
    <mergeCell ref="A148:AH148"/>
    <mergeCell ref="A119:D119"/>
    <mergeCell ref="A120:D120"/>
    <mergeCell ref="A121:D121"/>
    <mergeCell ref="M34:W34"/>
    <mergeCell ref="A33:BD33"/>
    <mergeCell ref="M92:W92"/>
    <mergeCell ref="A90:W90"/>
    <mergeCell ref="A235:S235"/>
    <mergeCell ref="A410:AB410"/>
    <mergeCell ref="A409:AB409"/>
    <mergeCell ref="X150:AH150"/>
    <mergeCell ref="A206:D206"/>
    <mergeCell ref="A178:L178"/>
    <mergeCell ref="B150:L150"/>
    <mergeCell ref="M150:W150"/>
    <mergeCell ref="B179:L179"/>
    <mergeCell ref="AC353:AK353"/>
    <mergeCell ref="A207:D207"/>
    <mergeCell ref="A208:D208"/>
    <mergeCell ref="A323:D323"/>
    <mergeCell ref="K295:S295"/>
    <mergeCell ref="A264:D264"/>
    <mergeCell ref="A265:D265"/>
    <mergeCell ref="AL353:AT353"/>
    <mergeCell ref="A352:AT352"/>
    <mergeCell ref="A351:AT351"/>
    <mergeCell ref="B353:J353"/>
    <mergeCell ref="X34:AH34"/>
    <mergeCell ref="AI34:AS34"/>
    <mergeCell ref="B34:L34"/>
    <mergeCell ref="AT34:BD34"/>
    <mergeCell ref="B92:L92"/>
    <mergeCell ref="A91:W91"/>
    <mergeCell ref="A61:D61"/>
    <mergeCell ref="A62:D62"/>
    <mergeCell ref="A63:D63"/>
    <mergeCell ref="B237:J237"/>
    <mergeCell ref="K237:S237"/>
    <mergeCell ref="A236:S236"/>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A59"/>
  <sheetViews>
    <sheetView zoomScaleNormal="100" workbookViewId="0"/>
  </sheetViews>
  <sheetFormatPr defaultColWidth="21.28515625" defaultRowHeight="15"/>
  <cols>
    <col min="1" max="1" width="57.5703125" customWidth="1"/>
  </cols>
  <sheetData>
    <row r="1" spans="1:4" ht="31.5">
      <c r="A1" s="32" t="s">
        <v>52</v>
      </c>
    </row>
    <row r="3" spans="1:4" ht="18.75">
      <c r="A3" s="419" t="s">
        <v>17</v>
      </c>
      <c r="B3" s="419"/>
      <c r="C3" s="419"/>
      <c r="D3" s="419"/>
    </row>
    <row r="4" spans="1:4" ht="176.25" customHeight="1">
      <c r="A4" s="409" t="s">
        <v>454</v>
      </c>
      <c r="B4" s="409"/>
      <c r="C4" s="409"/>
      <c r="D4" s="409"/>
    </row>
    <row r="5" spans="1:4" ht="36.75" customHeight="1">
      <c r="A5" s="392" t="s">
        <v>148</v>
      </c>
      <c r="B5" s="392"/>
      <c r="C5" s="392"/>
      <c r="D5" s="392"/>
    </row>
    <row r="6" spans="1:4" ht="72">
      <c r="A6" s="36" t="s">
        <v>70</v>
      </c>
      <c r="B6" s="37" t="s">
        <v>71</v>
      </c>
      <c r="C6" s="38" t="s">
        <v>593</v>
      </c>
      <c r="D6" s="39" t="s">
        <v>72</v>
      </c>
    </row>
    <row r="7" spans="1:4" ht="60">
      <c r="A7" s="40"/>
      <c r="B7" s="41" t="s">
        <v>73</v>
      </c>
      <c r="C7" s="127" t="s">
        <v>149</v>
      </c>
      <c r="D7" s="43" t="s">
        <v>75</v>
      </c>
    </row>
    <row r="8" spans="1:4">
      <c r="A8" s="44" t="s">
        <v>349</v>
      </c>
      <c r="B8" s="220">
        <v>4275</v>
      </c>
      <c r="C8" s="83">
        <v>4.2385792530181288</v>
      </c>
      <c r="D8" s="84">
        <v>4.3532973073410114E-2</v>
      </c>
    </row>
    <row r="9" spans="1:4">
      <c r="A9" s="48" t="s">
        <v>350</v>
      </c>
      <c r="B9" s="48">
        <v>3994</v>
      </c>
      <c r="C9" s="222">
        <v>4.055070682855435</v>
      </c>
      <c r="D9" s="223">
        <v>4.4276035278054293E-2</v>
      </c>
    </row>
    <row r="10" spans="1:4">
      <c r="A10" s="44" t="s">
        <v>351</v>
      </c>
      <c r="B10" s="52">
        <v>281</v>
      </c>
      <c r="C10" s="83">
        <v>4.8525911245161026</v>
      </c>
      <c r="D10" s="84">
        <v>0.19225820332976956</v>
      </c>
    </row>
    <row r="11" spans="1:4">
      <c r="A11" s="48" t="s">
        <v>558</v>
      </c>
      <c r="B11" s="48">
        <v>42</v>
      </c>
      <c r="C11" s="222">
        <v>4.0021249827231227</v>
      </c>
      <c r="D11" s="223">
        <v>0.51393479183145552</v>
      </c>
    </row>
    <row r="12" spans="1:4">
      <c r="A12" s="44" t="s">
        <v>559</v>
      </c>
      <c r="B12" s="52">
        <v>1279</v>
      </c>
      <c r="C12" s="83">
        <v>4.1007432105604984</v>
      </c>
      <c r="D12" s="84">
        <v>7.8295710642739477E-2</v>
      </c>
    </row>
    <row r="13" spans="1:4">
      <c r="A13" s="48" t="s">
        <v>560</v>
      </c>
      <c r="B13" s="48">
        <v>1238</v>
      </c>
      <c r="C13" s="222">
        <v>3.9706260176355981</v>
      </c>
      <c r="D13" s="223">
        <v>7.898191071960417E-2</v>
      </c>
    </row>
    <row r="14" spans="1:4">
      <c r="A14" s="44" t="s">
        <v>368</v>
      </c>
      <c r="B14" s="52">
        <v>43</v>
      </c>
      <c r="C14" s="83">
        <v>4.6788017553302055</v>
      </c>
      <c r="D14" s="84">
        <v>0.37974276205246699</v>
      </c>
    </row>
    <row r="15" spans="1:4">
      <c r="A15" s="48" t="s">
        <v>150</v>
      </c>
      <c r="B15" s="48">
        <v>150</v>
      </c>
      <c r="C15" s="222">
        <v>3.6158313405034619</v>
      </c>
      <c r="D15" s="223">
        <v>0.20792569404914726</v>
      </c>
    </row>
    <row r="16" spans="1:4">
      <c r="A16" s="44" t="s">
        <v>352</v>
      </c>
      <c r="B16" s="52">
        <v>67</v>
      </c>
      <c r="C16" s="83">
        <v>3.5266733608871479</v>
      </c>
      <c r="D16" s="84">
        <v>0.2983493580272058</v>
      </c>
    </row>
    <row r="17" spans="1:79">
      <c r="A17" s="48" t="s">
        <v>353</v>
      </c>
      <c r="B17" s="48">
        <v>71</v>
      </c>
      <c r="C17" s="222">
        <v>3.7113862255206991</v>
      </c>
      <c r="D17" s="223">
        <v>0.30895957504054899</v>
      </c>
    </row>
    <row r="18" spans="1:79">
      <c r="A18" s="44" t="s">
        <v>369</v>
      </c>
      <c r="B18" s="220">
        <v>183</v>
      </c>
      <c r="C18" s="83">
        <v>3.5549976512144674</v>
      </c>
      <c r="D18" s="84">
        <v>0.20582629669429739</v>
      </c>
    </row>
    <row r="19" spans="1:79">
      <c r="A19" s="48" t="s">
        <v>354</v>
      </c>
      <c r="B19" s="221">
        <v>34</v>
      </c>
      <c r="C19" s="222">
        <v>4.2685329969770835</v>
      </c>
      <c r="D19" s="223">
        <v>0.42417361586885105</v>
      </c>
    </row>
    <row r="20" spans="1:79">
      <c r="A20" s="44" t="s">
        <v>355</v>
      </c>
      <c r="B20" s="82">
        <v>29</v>
      </c>
      <c r="C20" s="83">
        <v>3.73643529985738</v>
      </c>
      <c r="D20" s="84">
        <v>0.55037729476896546</v>
      </c>
    </row>
    <row r="21" spans="1:79">
      <c r="A21" s="48" t="s">
        <v>356</v>
      </c>
      <c r="B21" s="221">
        <v>27</v>
      </c>
      <c r="C21" s="222">
        <v>3.196977779808106</v>
      </c>
      <c r="D21" s="223">
        <v>0.48797072448424866</v>
      </c>
    </row>
    <row r="22" spans="1:79">
      <c r="A22" s="56" t="s">
        <v>357</v>
      </c>
      <c r="B22" s="220">
        <v>24</v>
      </c>
      <c r="C22" s="83">
        <v>4.0581614867472444</v>
      </c>
      <c r="D22" s="84">
        <v>0.57032596275686032</v>
      </c>
    </row>
    <row r="23" spans="1:79">
      <c r="A23" s="48" t="s">
        <v>358</v>
      </c>
      <c r="B23" s="221">
        <v>48</v>
      </c>
      <c r="C23" s="222">
        <v>3.040325398695356</v>
      </c>
      <c r="D23" s="223">
        <v>0.35074333759705395</v>
      </c>
    </row>
    <row r="24" spans="1:79">
      <c r="A24" s="56" t="s">
        <v>359</v>
      </c>
      <c r="B24" s="220">
        <v>48</v>
      </c>
      <c r="C24" s="83">
        <v>2.9067461424420262</v>
      </c>
      <c r="D24" s="84">
        <v>0.35907286083997014</v>
      </c>
    </row>
    <row r="25" spans="1:79">
      <c r="A25" s="48" t="s">
        <v>371</v>
      </c>
      <c r="B25" s="221">
        <v>70</v>
      </c>
      <c r="C25" s="222">
        <v>4.3468182881270279</v>
      </c>
      <c r="D25" s="223">
        <v>0.3241782556875899</v>
      </c>
    </row>
    <row r="26" spans="1:79">
      <c r="A26" s="56" t="s">
        <v>360</v>
      </c>
      <c r="B26" s="220">
        <v>35</v>
      </c>
      <c r="C26" s="83">
        <v>3.9496785944226778</v>
      </c>
      <c r="D26" s="84">
        <v>0.37633985934760039</v>
      </c>
    </row>
    <row r="27" spans="1:79">
      <c r="A27" s="48" t="s">
        <v>370</v>
      </c>
      <c r="B27" s="221">
        <v>119</v>
      </c>
      <c r="C27" s="222">
        <v>3.3569374957179261</v>
      </c>
      <c r="D27" s="223">
        <v>0.23222684834896565</v>
      </c>
    </row>
    <row r="28" spans="1:79">
      <c r="A28" s="56" t="s">
        <v>361</v>
      </c>
      <c r="B28" s="220">
        <v>42</v>
      </c>
      <c r="C28" s="83">
        <v>3.4588840296950285</v>
      </c>
      <c r="D28" s="84">
        <v>0.39752908176832935</v>
      </c>
    </row>
    <row r="29" spans="1:79">
      <c r="A29" s="48" t="s">
        <v>375</v>
      </c>
      <c r="B29" s="221">
        <v>50</v>
      </c>
      <c r="C29" s="222">
        <v>3.5630921774123903</v>
      </c>
      <c r="D29" s="223">
        <v>0.36273549815880629</v>
      </c>
    </row>
    <row r="30" spans="1:79">
      <c r="A30" s="56" t="s">
        <v>358</v>
      </c>
      <c r="B30" s="220">
        <v>48</v>
      </c>
      <c r="C30" s="83">
        <v>3.040325398695356</v>
      </c>
      <c r="D30" s="84">
        <v>0.35074333759705395</v>
      </c>
    </row>
    <row r="31" spans="1:79">
      <c r="W31" s="249"/>
      <c r="X31" s="249"/>
      <c r="Y31" s="249"/>
      <c r="Z31" s="249"/>
      <c r="AA31" s="249"/>
      <c r="AB31" s="249"/>
      <c r="AC31" s="249"/>
      <c r="AD31" s="249"/>
      <c r="AE31" s="249"/>
      <c r="AF31" s="249"/>
      <c r="AG31" s="249"/>
      <c r="AH31" s="249"/>
      <c r="AI31" s="249"/>
      <c r="AJ31" s="249"/>
      <c r="AK31" s="249"/>
      <c r="AL31" s="249"/>
      <c r="AM31" s="249"/>
      <c r="AN31" s="249"/>
      <c r="AO31" s="249"/>
      <c r="AP31" s="249"/>
      <c r="AQ31" s="249"/>
      <c r="AR31" s="249"/>
      <c r="AS31" s="249"/>
      <c r="AT31" s="249"/>
      <c r="AU31" s="249"/>
      <c r="AV31" s="249"/>
      <c r="AW31" s="249"/>
      <c r="AX31" s="249"/>
      <c r="AY31" s="249"/>
      <c r="AZ31" s="249"/>
      <c r="BA31" s="249"/>
      <c r="BB31" s="249"/>
      <c r="BC31" s="249"/>
      <c r="BD31" s="249"/>
      <c r="BE31" s="249"/>
      <c r="BF31" s="249"/>
      <c r="BG31" s="249"/>
      <c r="BH31" s="249"/>
      <c r="BI31" s="249"/>
      <c r="BJ31" s="249"/>
      <c r="BK31" s="249"/>
      <c r="BL31" s="249"/>
      <c r="BM31" s="249"/>
      <c r="BN31" s="249"/>
      <c r="BO31" s="249"/>
      <c r="BP31" s="249"/>
      <c r="BQ31" s="249"/>
      <c r="BR31" s="249"/>
      <c r="BS31" s="249"/>
      <c r="BT31" s="249"/>
      <c r="BU31" s="249"/>
      <c r="BV31" s="249"/>
      <c r="BW31" s="249"/>
      <c r="BX31" s="249"/>
      <c r="BY31" s="249"/>
      <c r="BZ31" s="249"/>
      <c r="CA31" s="249"/>
    </row>
    <row r="32" spans="1:79" ht="18.75">
      <c r="A32" s="416" t="s">
        <v>53</v>
      </c>
      <c r="B32" s="416"/>
      <c r="C32" s="416"/>
      <c r="D32" s="416"/>
      <c r="E32" s="416"/>
      <c r="F32" s="416"/>
      <c r="G32" s="416"/>
      <c r="H32" s="416"/>
      <c r="I32" s="416"/>
      <c r="J32" s="416"/>
      <c r="K32" s="416"/>
      <c r="L32" s="416"/>
      <c r="M32" s="416"/>
      <c r="N32" s="416"/>
      <c r="O32" s="416"/>
      <c r="P32" s="416"/>
      <c r="Q32" s="416"/>
      <c r="R32" s="416"/>
      <c r="S32" s="416"/>
      <c r="T32" s="416"/>
      <c r="U32" s="416"/>
      <c r="V32" s="416"/>
      <c r="W32" s="416"/>
      <c r="X32" s="416"/>
      <c r="Y32" s="416"/>
      <c r="Z32" s="416"/>
      <c r="AA32" s="416"/>
      <c r="AB32" s="416"/>
      <c r="AC32" s="416"/>
      <c r="AD32" s="416"/>
      <c r="AE32" s="416"/>
      <c r="AF32" s="416"/>
      <c r="AG32" s="416"/>
      <c r="AH32" s="416"/>
      <c r="AI32" s="416"/>
      <c r="AJ32" s="416"/>
      <c r="AK32" s="416"/>
      <c r="AL32" s="416"/>
      <c r="AM32" s="416"/>
      <c r="AN32" s="416"/>
      <c r="AO32" s="416"/>
      <c r="AP32" s="416"/>
      <c r="AQ32" s="416"/>
      <c r="AR32" s="416"/>
      <c r="AS32" s="416"/>
      <c r="AT32" s="416"/>
      <c r="AU32" s="416"/>
      <c r="AV32" s="416"/>
      <c r="AW32" s="416"/>
      <c r="AX32" s="416"/>
      <c r="AY32" s="416"/>
      <c r="AZ32" s="416"/>
      <c r="BA32" s="416"/>
      <c r="BB32" s="416"/>
      <c r="BC32" s="416"/>
      <c r="BD32" s="416"/>
      <c r="BE32" s="416"/>
      <c r="BF32" s="416"/>
      <c r="BG32" s="416"/>
      <c r="BH32" s="416"/>
      <c r="BI32" s="416"/>
      <c r="BJ32" s="416"/>
      <c r="BK32" s="416"/>
      <c r="BL32" s="416"/>
      <c r="BM32" s="416"/>
      <c r="BN32" s="416"/>
      <c r="BO32" s="416"/>
      <c r="BP32" s="416"/>
      <c r="BQ32" s="416"/>
      <c r="BR32" s="416"/>
      <c r="BS32" s="416"/>
      <c r="BT32" s="416"/>
      <c r="BU32" s="416"/>
      <c r="BV32" s="416"/>
      <c r="BW32" s="416"/>
      <c r="BX32" s="416"/>
      <c r="BY32" s="416"/>
      <c r="BZ32" s="416"/>
    </row>
    <row r="33" spans="1:78" ht="85.5" customHeight="1">
      <c r="A33" s="417" t="s">
        <v>608</v>
      </c>
      <c r="B33" s="417"/>
      <c r="C33" s="417"/>
      <c r="D33" s="417"/>
      <c r="E33" s="417"/>
      <c r="F33" s="417"/>
      <c r="G33" s="417"/>
      <c r="H33" s="417"/>
      <c r="I33" s="417"/>
      <c r="J33" s="417"/>
      <c r="K33" s="417"/>
      <c r="L33" s="417"/>
      <c r="M33" s="417"/>
      <c r="N33" s="417"/>
      <c r="O33" s="417"/>
      <c r="P33" s="417"/>
      <c r="Q33" s="417"/>
      <c r="R33" s="417"/>
      <c r="S33" s="417"/>
      <c r="T33" s="417"/>
      <c r="U33" s="417"/>
      <c r="V33" s="417"/>
      <c r="W33" s="417"/>
      <c r="X33" s="417"/>
      <c r="Y33" s="417"/>
      <c r="Z33" s="417"/>
      <c r="AA33" s="417"/>
      <c r="AB33" s="417"/>
      <c r="AC33" s="417"/>
      <c r="AD33" s="417"/>
      <c r="AE33" s="417"/>
      <c r="AF33" s="417"/>
      <c r="AG33" s="417"/>
      <c r="AH33" s="417"/>
      <c r="AI33" s="417"/>
      <c r="AJ33" s="417"/>
      <c r="AK33" s="417"/>
      <c r="AL33" s="417"/>
      <c r="AM33" s="417"/>
      <c r="AN33" s="417"/>
      <c r="AO33" s="417"/>
      <c r="AP33" s="417"/>
      <c r="AQ33" s="417"/>
      <c r="AR33" s="417"/>
      <c r="AS33" s="417"/>
      <c r="AT33" s="417"/>
      <c r="AU33" s="417"/>
      <c r="AV33" s="417"/>
      <c r="AW33" s="417"/>
      <c r="AX33" s="417"/>
      <c r="AY33" s="417"/>
      <c r="AZ33" s="417"/>
      <c r="BA33" s="417"/>
      <c r="BB33" s="417"/>
      <c r="BC33" s="417"/>
      <c r="BD33" s="417"/>
      <c r="BE33" s="417"/>
      <c r="BF33" s="417"/>
      <c r="BG33" s="417"/>
      <c r="BH33" s="417"/>
      <c r="BI33" s="417"/>
      <c r="BJ33" s="417"/>
      <c r="BK33" s="417"/>
      <c r="BL33" s="417"/>
      <c r="BM33" s="417"/>
      <c r="BN33" s="417"/>
      <c r="BO33" s="417"/>
      <c r="BP33" s="417"/>
      <c r="BQ33" s="417"/>
      <c r="BR33" s="417"/>
      <c r="BS33" s="417"/>
      <c r="BT33" s="417"/>
      <c r="BU33" s="417"/>
      <c r="BV33" s="417"/>
      <c r="BW33" s="417"/>
      <c r="BX33" s="417"/>
      <c r="BY33" s="417"/>
      <c r="BZ33" s="417"/>
    </row>
    <row r="34" spans="1:78" ht="33.75" customHeight="1">
      <c r="A34" s="63"/>
      <c r="B34" s="346" t="s">
        <v>455</v>
      </c>
      <c r="C34" s="346"/>
      <c r="D34" s="346"/>
      <c r="E34" s="346"/>
      <c r="F34" s="346"/>
      <c r="G34" s="346"/>
      <c r="H34" s="346"/>
      <c r="I34" s="395" t="s">
        <v>456</v>
      </c>
      <c r="J34" s="396"/>
      <c r="K34" s="396"/>
      <c r="L34" s="396"/>
      <c r="M34" s="396"/>
      <c r="N34" s="396"/>
      <c r="O34" s="397"/>
      <c r="P34" s="395" t="s">
        <v>457</v>
      </c>
      <c r="Q34" s="396"/>
      <c r="R34" s="396"/>
      <c r="S34" s="396"/>
      <c r="T34" s="396"/>
      <c r="U34" s="396"/>
      <c r="V34" s="397"/>
      <c r="W34" s="395" t="s">
        <v>458</v>
      </c>
      <c r="X34" s="396"/>
      <c r="Y34" s="396"/>
      <c r="Z34" s="396"/>
      <c r="AA34" s="396"/>
      <c r="AB34" s="396"/>
      <c r="AC34" s="397"/>
      <c r="AD34" s="395" t="s">
        <v>459</v>
      </c>
      <c r="AE34" s="396"/>
      <c r="AF34" s="396"/>
      <c r="AG34" s="396"/>
      <c r="AH34" s="396"/>
      <c r="AI34" s="396"/>
      <c r="AJ34" s="397"/>
      <c r="AK34" s="395" t="s">
        <v>460</v>
      </c>
      <c r="AL34" s="396"/>
      <c r="AM34" s="396"/>
      <c r="AN34" s="396"/>
      <c r="AO34" s="396"/>
      <c r="AP34" s="396"/>
      <c r="AQ34" s="397"/>
      <c r="AR34" s="395" t="s">
        <v>461</v>
      </c>
      <c r="AS34" s="396"/>
      <c r="AT34" s="396"/>
      <c r="AU34" s="396"/>
      <c r="AV34" s="396"/>
      <c r="AW34" s="396"/>
      <c r="AX34" s="397"/>
      <c r="AY34" s="395" t="s">
        <v>462</v>
      </c>
      <c r="AZ34" s="396"/>
      <c r="BA34" s="396"/>
      <c r="BB34" s="396"/>
      <c r="BC34" s="396"/>
      <c r="BD34" s="396"/>
      <c r="BE34" s="397"/>
      <c r="BF34" s="395" t="s">
        <v>463</v>
      </c>
      <c r="BG34" s="396"/>
      <c r="BH34" s="396"/>
      <c r="BI34" s="396"/>
      <c r="BJ34" s="396"/>
      <c r="BK34" s="396"/>
      <c r="BL34" s="397"/>
      <c r="BM34" s="346" t="s">
        <v>464</v>
      </c>
      <c r="BN34" s="346"/>
      <c r="BO34" s="346"/>
      <c r="BP34" s="346"/>
      <c r="BQ34" s="346"/>
      <c r="BR34" s="346"/>
      <c r="BS34" s="346"/>
      <c r="BT34" s="346" t="s">
        <v>465</v>
      </c>
      <c r="BU34" s="346"/>
      <c r="BV34" s="346"/>
      <c r="BW34" s="346"/>
      <c r="BX34" s="346"/>
      <c r="BY34" s="346"/>
      <c r="BZ34" s="346"/>
    </row>
    <row r="35" spans="1:78" ht="72">
      <c r="A35" s="36" t="s">
        <v>70</v>
      </c>
      <c r="B35" s="37" t="s">
        <v>71</v>
      </c>
      <c r="C35" s="37" t="s">
        <v>469</v>
      </c>
      <c r="D35" s="88" t="s">
        <v>551</v>
      </c>
      <c r="E35" s="37" t="s">
        <v>467</v>
      </c>
      <c r="F35" s="88" t="s">
        <v>468</v>
      </c>
      <c r="G35" s="37" t="s">
        <v>466</v>
      </c>
      <c r="H35" s="88" t="s">
        <v>470</v>
      </c>
      <c r="I35" s="64" t="s">
        <v>71</v>
      </c>
      <c r="J35" s="64" t="s">
        <v>469</v>
      </c>
      <c r="K35" s="87" t="s">
        <v>551</v>
      </c>
      <c r="L35" s="64" t="s">
        <v>467</v>
      </c>
      <c r="M35" s="87" t="s">
        <v>468</v>
      </c>
      <c r="N35" s="64" t="s">
        <v>466</v>
      </c>
      <c r="O35" s="87" t="s">
        <v>470</v>
      </c>
      <c r="P35" s="37" t="s">
        <v>71</v>
      </c>
      <c r="Q35" s="37" t="s">
        <v>469</v>
      </c>
      <c r="R35" s="88" t="s">
        <v>551</v>
      </c>
      <c r="S35" s="37" t="s">
        <v>467</v>
      </c>
      <c r="T35" s="88" t="s">
        <v>468</v>
      </c>
      <c r="U35" s="37" t="s">
        <v>466</v>
      </c>
      <c r="V35" s="88" t="s">
        <v>470</v>
      </c>
      <c r="W35" s="64" t="s">
        <v>71</v>
      </c>
      <c r="X35" s="64" t="s">
        <v>469</v>
      </c>
      <c r="Y35" s="87" t="s">
        <v>551</v>
      </c>
      <c r="Z35" s="64" t="s">
        <v>467</v>
      </c>
      <c r="AA35" s="87" t="s">
        <v>468</v>
      </c>
      <c r="AB35" s="64" t="s">
        <v>466</v>
      </c>
      <c r="AC35" s="87" t="s">
        <v>470</v>
      </c>
      <c r="AD35" s="37" t="s">
        <v>71</v>
      </c>
      <c r="AE35" s="37" t="s">
        <v>469</v>
      </c>
      <c r="AF35" s="88" t="s">
        <v>551</v>
      </c>
      <c r="AG35" s="37" t="s">
        <v>467</v>
      </c>
      <c r="AH35" s="88" t="s">
        <v>468</v>
      </c>
      <c r="AI35" s="37" t="s">
        <v>466</v>
      </c>
      <c r="AJ35" s="88" t="s">
        <v>470</v>
      </c>
      <c r="AK35" s="64" t="s">
        <v>71</v>
      </c>
      <c r="AL35" s="64" t="s">
        <v>469</v>
      </c>
      <c r="AM35" s="87" t="s">
        <v>551</v>
      </c>
      <c r="AN35" s="64" t="s">
        <v>467</v>
      </c>
      <c r="AO35" s="87" t="s">
        <v>468</v>
      </c>
      <c r="AP35" s="64" t="s">
        <v>466</v>
      </c>
      <c r="AQ35" s="87" t="s">
        <v>470</v>
      </c>
      <c r="AR35" s="37" t="s">
        <v>71</v>
      </c>
      <c r="AS35" s="37" t="s">
        <v>469</v>
      </c>
      <c r="AT35" s="88" t="s">
        <v>551</v>
      </c>
      <c r="AU35" s="37" t="s">
        <v>467</v>
      </c>
      <c r="AV35" s="88" t="s">
        <v>468</v>
      </c>
      <c r="AW35" s="37" t="s">
        <v>466</v>
      </c>
      <c r="AX35" s="88" t="s">
        <v>470</v>
      </c>
      <c r="AY35" s="64" t="s">
        <v>71</v>
      </c>
      <c r="AZ35" s="64" t="s">
        <v>469</v>
      </c>
      <c r="BA35" s="87" t="s">
        <v>551</v>
      </c>
      <c r="BB35" s="64" t="s">
        <v>467</v>
      </c>
      <c r="BC35" s="87" t="s">
        <v>468</v>
      </c>
      <c r="BD35" s="64" t="s">
        <v>466</v>
      </c>
      <c r="BE35" s="87" t="s">
        <v>470</v>
      </c>
      <c r="BF35" s="37" t="s">
        <v>71</v>
      </c>
      <c r="BG35" s="37" t="s">
        <v>469</v>
      </c>
      <c r="BH35" s="88" t="s">
        <v>551</v>
      </c>
      <c r="BI35" s="37" t="s">
        <v>467</v>
      </c>
      <c r="BJ35" s="88" t="s">
        <v>468</v>
      </c>
      <c r="BK35" s="37" t="s">
        <v>466</v>
      </c>
      <c r="BL35" s="88" t="s">
        <v>470</v>
      </c>
      <c r="BM35" s="64" t="s">
        <v>71</v>
      </c>
      <c r="BN35" s="64" t="s">
        <v>469</v>
      </c>
      <c r="BO35" s="87" t="s">
        <v>551</v>
      </c>
      <c r="BP35" s="64" t="s">
        <v>467</v>
      </c>
      <c r="BQ35" s="87" t="s">
        <v>468</v>
      </c>
      <c r="BR35" s="64" t="s">
        <v>466</v>
      </c>
      <c r="BS35" s="87" t="s">
        <v>470</v>
      </c>
      <c r="BT35" s="37" t="s">
        <v>71</v>
      </c>
      <c r="BU35" s="37" t="s">
        <v>469</v>
      </c>
      <c r="BV35" s="88" t="s">
        <v>551</v>
      </c>
      <c r="BW35" s="37" t="s">
        <v>467</v>
      </c>
      <c r="BX35" s="88" t="s">
        <v>468</v>
      </c>
      <c r="BY35" s="37" t="s">
        <v>466</v>
      </c>
      <c r="BZ35" s="88" t="s">
        <v>470</v>
      </c>
    </row>
    <row r="36" spans="1:78" ht="60">
      <c r="A36" s="40"/>
      <c r="B36" s="41" t="s">
        <v>73</v>
      </c>
      <c r="C36" s="41" t="s">
        <v>161</v>
      </c>
      <c r="D36" s="90" t="s">
        <v>87</v>
      </c>
      <c r="E36" s="41" t="s">
        <v>160</v>
      </c>
      <c r="F36" s="90" t="s">
        <v>87</v>
      </c>
      <c r="G36" s="41" t="s">
        <v>159</v>
      </c>
      <c r="H36" s="90" t="s">
        <v>87</v>
      </c>
      <c r="I36" s="67" t="s">
        <v>73</v>
      </c>
      <c r="J36" s="67" t="s">
        <v>161</v>
      </c>
      <c r="K36" s="89" t="s">
        <v>87</v>
      </c>
      <c r="L36" s="67" t="s">
        <v>160</v>
      </c>
      <c r="M36" s="89" t="s">
        <v>87</v>
      </c>
      <c r="N36" s="67" t="s">
        <v>159</v>
      </c>
      <c r="O36" s="89" t="s">
        <v>87</v>
      </c>
      <c r="P36" s="41" t="s">
        <v>73</v>
      </c>
      <c r="Q36" s="41" t="s">
        <v>161</v>
      </c>
      <c r="R36" s="90" t="s">
        <v>87</v>
      </c>
      <c r="S36" s="41" t="s">
        <v>160</v>
      </c>
      <c r="T36" s="90" t="s">
        <v>87</v>
      </c>
      <c r="U36" s="41" t="s">
        <v>159</v>
      </c>
      <c r="V36" s="90" t="s">
        <v>87</v>
      </c>
      <c r="W36" s="67" t="s">
        <v>73</v>
      </c>
      <c r="X36" s="67" t="s">
        <v>161</v>
      </c>
      <c r="Y36" s="89" t="s">
        <v>87</v>
      </c>
      <c r="Z36" s="67" t="s">
        <v>160</v>
      </c>
      <c r="AA36" s="89" t="s">
        <v>87</v>
      </c>
      <c r="AB36" s="67" t="s">
        <v>159</v>
      </c>
      <c r="AC36" s="89" t="s">
        <v>87</v>
      </c>
      <c r="AD36" s="41" t="s">
        <v>73</v>
      </c>
      <c r="AE36" s="41" t="s">
        <v>161</v>
      </c>
      <c r="AF36" s="90" t="s">
        <v>87</v>
      </c>
      <c r="AG36" s="41" t="s">
        <v>160</v>
      </c>
      <c r="AH36" s="90" t="s">
        <v>87</v>
      </c>
      <c r="AI36" s="41" t="s">
        <v>159</v>
      </c>
      <c r="AJ36" s="90" t="s">
        <v>87</v>
      </c>
      <c r="AK36" s="67" t="s">
        <v>73</v>
      </c>
      <c r="AL36" s="67" t="s">
        <v>161</v>
      </c>
      <c r="AM36" s="89" t="s">
        <v>87</v>
      </c>
      <c r="AN36" s="67" t="s">
        <v>160</v>
      </c>
      <c r="AO36" s="89" t="s">
        <v>87</v>
      </c>
      <c r="AP36" s="67" t="s">
        <v>159</v>
      </c>
      <c r="AQ36" s="89" t="s">
        <v>87</v>
      </c>
      <c r="AR36" s="41" t="s">
        <v>73</v>
      </c>
      <c r="AS36" s="41" t="s">
        <v>161</v>
      </c>
      <c r="AT36" s="90" t="s">
        <v>87</v>
      </c>
      <c r="AU36" s="41" t="s">
        <v>160</v>
      </c>
      <c r="AV36" s="90" t="s">
        <v>87</v>
      </c>
      <c r="AW36" s="41" t="s">
        <v>159</v>
      </c>
      <c r="AX36" s="90" t="s">
        <v>87</v>
      </c>
      <c r="AY36" s="67" t="s">
        <v>73</v>
      </c>
      <c r="AZ36" s="67" t="s">
        <v>161</v>
      </c>
      <c r="BA36" s="89" t="s">
        <v>87</v>
      </c>
      <c r="BB36" s="67" t="s">
        <v>160</v>
      </c>
      <c r="BC36" s="89" t="s">
        <v>87</v>
      </c>
      <c r="BD36" s="67" t="s">
        <v>159</v>
      </c>
      <c r="BE36" s="89" t="s">
        <v>87</v>
      </c>
      <c r="BF36" s="41" t="s">
        <v>73</v>
      </c>
      <c r="BG36" s="41" t="s">
        <v>161</v>
      </c>
      <c r="BH36" s="90" t="s">
        <v>87</v>
      </c>
      <c r="BI36" s="41" t="s">
        <v>160</v>
      </c>
      <c r="BJ36" s="90" t="s">
        <v>87</v>
      </c>
      <c r="BK36" s="41" t="s">
        <v>159</v>
      </c>
      <c r="BL36" s="90" t="s">
        <v>87</v>
      </c>
      <c r="BM36" s="67" t="s">
        <v>73</v>
      </c>
      <c r="BN36" s="67" t="s">
        <v>161</v>
      </c>
      <c r="BO36" s="89" t="s">
        <v>87</v>
      </c>
      <c r="BP36" s="67" t="s">
        <v>160</v>
      </c>
      <c r="BQ36" s="89" t="s">
        <v>87</v>
      </c>
      <c r="BR36" s="67" t="s">
        <v>159</v>
      </c>
      <c r="BS36" s="89" t="s">
        <v>87</v>
      </c>
      <c r="BT36" s="41" t="s">
        <v>73</v>
      </c>
      <c r="BU36" s="41" t="s">
        <v>161</v>
      </c>
      <c r="BV36" s="90" t="s">
        <v>87</v>
      </c>
      <c r="BW36" s="41" t="s">
        <v>160</v>
      </c>
      <c r="BX36" s="90" t="s">
        <v>87</v>
      </c>
      <c r="BY36" s="41" t="s">
        <v>159</v>
      </c>
      <c r="BZ36" s="90" t="s">
        <v>87</v>
      </c>
    </row>
    <row r="37" spans="1:78">
      <c r="A37" s="44" t="s">
        <v>349</v>
      </c>
      <c r="B37" s="213">
        <v>5956</v>
      </c>
      <c r="C37" s="217">
        <v>0.37049069428944598</v>
      </c>
      <c r="D37" s="93">
        <v>1.2511735318604604E-2</v>
      </c>
      <c r="E37" s="217">
        <v>0.1599777478250527</v>
      </c>
      <c r="F37" s="93">
        <v>9.5023841602421659E-3</v>
      </c>
      <c r="G37" s="217">
        <v>0.46953155788551576</v>
      </c>
      <c r="H37" s="93">
        <v>1.2929154394251645E-2</v>
      </c>
      <c r="I37" s="213">
        <v>5922</v>
      </c>
      <c r="J37" s="217">
        <v>0.3202704189255845</v>
      </c>
      <c r="K37" s="93">
        <v>1.2123252485466772E-2</v>
      </c>
      <c r="L37" s="217">
        <v>0.20725273765163249</v>
      </c>
      <c r="M37" s="93">
        <v>1.0534634910465399E-2</v>
      </c>
      <c r="N37" s="217">
        <v>0.47247684342279844</v>
      </c>
      <c r="O37" s="93">
        <v>1.2970630604819199E-2</v>
      </c>
      <c r="P37" s="213">
        <v>5468</v>
      </c>
      <c r="Q37" s="217">
        <v>0.30206896910918485</v>
      </c>
      <c r="R37" s="93">
        <v>1.2415814816631163E-2</v>
      </c>
      <c r="S37" s="217">
        <v>0.18346284940323676</v>
      </c>
      <c r="T37" s="93">
        <v>1.046962551040026E-2</v>
      </c>
      <c r="U37" s="217">
        <v>0.51446818148759343</v>
      </c>
      <c r="V37" s="93">
        <v>1.3512799261988374E-2</v>
      </c>
      <c r="W37" s="213">
        <v>5447</v>
      </c>
      <c r="X37" s="217">
        <v>0.35307457444302009</v>
      </c>
      <c r="Y37" s="93">
        <v>1.294739336443374E-2</v>
      </c>
      <c r="Z37" s="217">
        <v>0.10886926160360699</v>
      </c>
      <c r="AA37" s="93">
        <v>8.4472826242000202E-3</v>
      </c>
      <c r="AB37" s="217">
        <v>0.53805616395338862</v>
      </c>
      <c r="AC37" s="93">
        <v>1.3505235281819442E-2</v>
      </c>
      <c r="AD37" s="213">
        <v>6309</v>
      </c>
      <c r="AE37" s="217">
        <v>0.49453297063703761</v>
      </c>
      <c r="AF37" s="93">
        <v>1.2585085660763469E-2</v>
      </c>
      <c r="AG37" s="217">
        <v>0.14843995879291633</v>
      </c>
      <c r="AH37" s="93">
        <v>8.9549662678002472E-3</v>
      </c>
      <c r="AI37" s="217">
        <v>0.35702707057006011</v>
      </c>
      <c r="AJ37" s="93">
        <v>1.2061005418285576E-2</v>
      </c>
      <c r="AK37" s="213">
        <v>5518</v>
      </c>
      <c r="AL37" s="217">
        <v>0.52547463879812939</v>
      </c>
      <c r="AM37" s="93">
        <v>1.3439657691013346E-2</v>
      </c>
      <c r="AN37" s="217">
        <v>0.15759180430687189</v>
      </c>
      <c r="AO37" s="93">
        <v>9.8126758486079737E-3</v>
      </c>
      <c r="AP37" s="217">
        <v>0.31693355689501318</v>
      </c>
      <c r="AQ37" s="93">
        <v>1.2524086529603429E-2</v>
      </c>
      <c r="AR37" s="213">
        <v>6397</v>
      </c>
      <c r="AS37" s="217">
        <v>0.60834290820929027</v>
      </c>
      <c r="AT37" s="93">
        <v>1.2202439694925581E-2</v>
      </c>
      <c r="AU37" s="217">
        <v>0.14008316377450217</v>
      </c>
      <c r="AV37" s="93">
        <v>8.6819811996107551E-3</v>
      </c>
      <c r="AW37" s="217">
        <v>0.25157392801621475</v>
      </c>
      <c r="AX37" s="93">
        <v>1.084931357554981E-2</v>
      </c>
      <c r="AY37" s="213">
        <v>5390</v>
      </c>
      <c r="AZ37" s="217">
        <v>0.24103991578375566</v>
      </c>
      <c r="BA37" s="93">
        <v>1.1650550775255196E-2</v>
      </c>
      <c r="BB37" s="217">
        <v>0.16863534246044068</v>
      </c>
      <c r="BC37" s="93">
        <v>1.0202264964101456E-2</v>
      </c>
      <c r="BD37" s="217">
        <v>0.59032474175581984</v>
      </c>
      <c r="BE37" s="93">
        <v>1.3392163596050935E-2</v>
      </c>
      <c r="BF37" s="213">
        <v>6291</v>
      </c>
      <c r="BG37" s="217">
        <v>0.43285923832274098</v>
      </c>
      <c r="BH37" s="93">
        <v>1.2489813994813911E-2</v>
      </c>
      <c r="BI37" s="217">
        <v>0.1933525925834344</v>
      </c>
      <c r="BJ37" s="93">
        <v>9.9589891674521595E-3</v>
      </c>
      <c r="BK37" s="217">
        <v>0.37378816909383761</v>
      </c>
      <c r="BL37" s="93">
        <v>1.2196193659193085E-2</v>
      </c>
      <c r="BM37" s="213">
        <v>6457</v>
      </c>
      <c r="BN37" s="217">
        <v>0.47806856692483712</v>
      </c>
      <c r="BO37" s="93">
        <v>1.2428893438964349E-2</v>
      </c>
      <c r="BP37" s="217">
        <v>0.13367186186627561</v>
      </c>
      <c r="BQ37" s="93">
        <v>8.4733001245156179E-3</v>
      </c>
      <c r="BR37" s="217">
        <v>0.38825957120890364</v>
      </c>
      <c r="BS37" s="93">
        <v>1.2126596623413729E-2</v>
      </c>
      <c r="BT37" s="213">
        <v>4556</v>
      </c>
      <c r="BU37" s="217">
        <v>0.45051591088299064</v>
      </c>
      <c r="BV37" s="93">
        <v>1.4736147791075243E-2</v>
      </c>
      <c r="BW37" s="217">
        <v>0.16245235770160246</v>
      </c>
      <c r="BX37" s="93">
        <v>1.0932865046227843E-2</v>
      </c>
      <c r="BY37" s="217">
        <v>0.38703173141542258</v>
      </c>
      <c r="BZ37" s="93">
        <v>1.442647875141443E-2</v>
      </c>
    </row>
    <row r="38" spans="1:78">
      <c r="A38" s="48" t="s">
        <v>350</v>
      </c>
      <c r="B38" s="214">
        <v>5550</v>
      </c>
      <c r="C38" s="218">
        <v>0.38847304466882099</v>
      </c>
      <c r="D38" s="96">
        <v>1.3080720773607194E-2</v>
      </c>
      <c r="E38" s="218">
        <v>0.15890324539520123</v>
      </c>
      <c r="F38" s="96">
        <v>9.8172179131273581E-3</v>
      </c>
      <c r="G38" s="218">
        <v>0.45262370993599282</v>
      </c>
      <c r="H38" s="96">
        <v>1.3358002837709698E-2</v>
      </c>
      <c r="I38" s="214">
        <v>5547</v>
      </c>
      <c r="J38" s="218">
        <v>0.34842666060615252</v>
      </c>
      <c r="K38" s="96">
        <v>1.2791261576870834E-2</v>
      </c>
      <c r="L38" s="218">
        <v>0.21645049950628806</v>
      </c>
      <c r="M38" s="96">
        <v>1.1058727314933278E-2</v>
      </c>
      <c r="N38" s="218">
        <v>0.43512283988757489</v>
      </c>
      <c r="O38" s="96">
        <v>1.3308609639994364E-2</v>
      </c>
      <c r="P38" s="214">
        <v>5112</v>
      </c>
      <c r="Q38" s="218">
        <v>0.32866869232172857</v>
      </c>
      <c r="R38" s="96">
        <v>1.3135829378071577E-2</v>
      </c>
      <c r="S38" s="218">
        <v>0.1871438296797075</v>
      </c>
      <c r="T38" s="96">
        <v>1.0911328310163483E-2</v>
      </c>
      <c r="U38" s="218">
        <v>0.48418747799857975</v>
      </c>
      <c r="V38" s="96">
        <v>1.3973904949301797E-2</v>
      </c>
      <c r="W38" s="214">
        <v>5068</v>
      </c>
      <c r="X38" s="218">
        <v>0.3962727834225182</v>
      </c>
      <c r="Y38" s="96">
        <v>1.3736410790152219E-2</v>
      </c>
      <c r="Z38" s="218">
        <v>0.11936256301415138</v>
      </c>
      <c r="AA38" s="96">
        <v>9.1147424722684469E-3</v>
      </c>
      <c r="AB38" s="218">
        <v>0.48436465356334829</v>
      </c>
      <c r="AC38" s="96">
        <v>1.4034542823167717E-2</v>
      </c>
      <c r="AD38" s="214">
        <v>5874</v>
      </c>
      <c r="AE38" s="218">
        <v>0.51061691895571304</v>
      </c>
      <c r="AF38" s="96">
        <v>1.3040294930018449E-2</v>
      </c>
      <c r="AG38" s="218">
        <v>0.15647670014792994</v>
      </c>
      <c r="AH38" s="96">
        <v>9.4831487834469985E-3</v>
      </c>
      <c r="AI38" s="218">
        <v>0.33290638089637303</v>
      </c>
      <c r="AJ38" s="96">
        <v>1.2294384680554087E-2</v>
      </c>
      <c r="AK38" s="214">
        <v>5156</v>
      </c>
      <c r="AL38" s="218">
        <v>0.53898350481879531</v>
      </c>
      <c r="AM38" s="96">
        <v>1.3878840109256026E-2</v>
      </c>
      <c r="AN38" s="218">
        <v>0.16639969075272215</v>
      </c>
      <c r="AO38" s="96">
        <v>1.0376004971847158E-2</v>
      </c>
      <c r="AP38" s="218">
        <v>0.29461680442849547</v>
      </c>
      <c r="AQ38" s="96">
        <v>1.2694475282381528E-2</v>
      </c>
      <c r="AR38" s="214">
        <v>5971</v>
      </c>
      <c r="AS38" s="218">
        <v>0.64401070625015966</v>
      </c>
      <c r="AT38" s="96">
        <v>1.2389459010041251E-2</v>
      </c>
      <c r="AU38" s="218">
        <v>0.1492546452857231</v>
      </c>
      <c r="AV38" s="96">
        <v>9.2258453436001864E-3</v>
      </c>
      <c r="AW38" s="218">
        <v>0.20673464846413378</v>
      </c>
      <c r="AX38" s="96">
        <v>1.048164117595389E-2</v>
      </c>
      <c r="AY38" s="214">
        <v>5052</v>
      </c>
      <c r="AZ38" s="218">
        <v>0.25823944813279925</v>
      </c>
      <c r="BA38" s="96">
        <v>1.2313298109162462E-2</v>
      </c>
      <c r="BB38" s="218">
        <v>0.17417349923654613</v>
      </c>
      <c r="BC38" s="96">
        <v>1.0673706464127512E-2</v>
      </c>
      <c r="BD38" s="218">
        <v>0.56758705263067077</v>
      </c>
      <c r="BE38" s="96">
        <v>1.3934726204684621E-2</v>
      </c>
      <c r="BF38" s="214">
        <v>5856</v>
      </c>
      <c r="BG38" s="218">
        <v>0.44419665227829086</v>
      </c>
      <c r="BH38" s="96">
        <v>1.2981747126674574E-2</v>
      </c>
      <c r="BI38" s="218">
        <v>0.19600221765628845</v>
      </c>
      <c r="BJ38" s="96">
        <v>1.0375590566453752E-2</v>
      </c>
      <c r="BK38" s="218">
        <v>0.35980113006543574</v>
      </c>
      <c r="BL38" s="96">
        <v>1.2539932161268693E-2</v>
      </c>
      <c r="BM38" s="214">
        <v>6034</v>
      </c>
      <c r="BN38" s="218">
        <v>0.53849602365169658</v>
      </c>
      <c r="BO38" s="96">
        <v>1.2831107111497899E-2</v>
      </c>
      <c r="BP38" s="218">
        <v>0.14204966945947903</v>
      </c>
      <c r="BQ38" s="96">
        <v>8.9915962159253359E-3</v>
      </c>
      <c r="BR38" s="218">
        <v>0.31945430688884119</v>
      </c>
      <c r="BS38" s="96">
        <v>1.2002164627389858E-2</v>
      </c>
      <c r="BT38" s="214">
        <v>4248</v>
      </c>
      <c r="BU38" s="218">
        <v>0.48320448927244791</v>
      </c>
      <c r="BV38" s="96">
        <v>1.5327053575894485E-2</v>
      </c>
      <c r="BW38" s="218">
        <v>0.17079028002360352</v>
      </c>
      <c r="BX38" s="96">
        <v>1.1550729697439813E-2</v>
      </c>
      <c r="BY38" s="218">
        <v>0.34600523070396039</v>
      </c>
      <c r="BZ38" s="96">
        <v>1.4591657557280648E-2</v>
      </c>
    </row>
    <row r="39" spans="1:78">
      <c r="A39" s="44" t="s">
        <v>351</v>
      </c>
      <c r="B39" s="213">
        <v>406</v>
      </c>
      <c r="C39" s="217">
        <v>0.31028988831789983</v>
      </c>
      <c r="D39" s="93">
        <v>4.5768120806405306E-2</v>
      </c>
      <c r="E39" s="217">
        <v>0.16357493678704668</v>
      </c>
      <c r="F39" s="93">
        <v>3.6827326790664749E-2</v>
      </c>
      <c r="G39" s="217">
        <v>0.52613517489505268</v>
      </c>
      <c r="H39" s="93">
        <v>4.9320278852422357E-2</v>
      </c>
      <c r="I39" s="213">
        <v>375</v>
      </c>
      <c r="J39" s="217">
        <v>0.21929809867090463</v>
      </c>
      <c r="K39" s="93">
        <v>4.2712866502012371E-2</v>
      </c>
      <c r="L39" s="217">
        <v>0.17426824468730712</v>
      </c>
      <c r="M39" s="93">
        <v>3.9271278656824421E-2</v>
      </c>
      <c r="N39" s="217">
        <v>0.60643365664178683</v>
      </c>
      <c r="O39" s="93">
        <v>5.0214288137453954E-2</v>
      </c>
      <c r="P39" s="213">
        <v>356</v>
      </c>
      <c r="Q39" s="217">
        <v>0.21137750988461954</v>
      </c>
      <c r="R39" s="93">
        <v>4.3274055656972517E-2</v>
      </c>
      <c r="S39" s="217">
        <v>0.17091258826019451</v>
      </c>
      <c r="T39" s="93">
        <v>4.0013156048342872E-2</v>
      </c>
      <c r="U39" s="217">
        <v>0.61770990185518482</v>
      </c>
      <c r="V39" s="93">
        <v>5.1256497812854254E-2</v>
      </c>
      <c r="W39" s="213">
        <v>379</v>
      </c>
      <c r="X39" s="217">
        <v>0.21340357065761784</v>
      </c>
      <c r="Y39" s="93">
        <v>4.20827474893073E-2</v>
      </c>
      <c r="Z39" s="217">
        <v>7.4941698964861456E-2</v>
      </c>
      <c r="AA39" s="93">
        <v>2.7626682320154458E-2</v>
      </c>
      <c r="AB39" s="217">
        <v>0.7116547303775197</v>
      </c>
      <c r="AC39" s="93">
        <v>4.6398558492673735E-2</v>
      </c>
      <c r="AD39" s="213">
        <v>435</v>
      </c>
      <c r="AE39" s="217">
        <v>0.44080889442412685</v>
      </c>
      <c r="AF39" s="93">
        <v>4.7397891097609071E-2</v>
      </c>
      <c r="AG39" s="217">
        <v>0.12159539945304126</v>
      </c>
      <c r="AH39" s="93">
        <v>3.1573388660635991E-2</v>
      </c>
      <c r="AI39" s="217">
        <v>0.43759570612283044</v>
      </c>
      <c r="AJ39" s="93">
        <v>4.7361003677771921E-2</v>
      </c>
      <c r="AK39" s="213">
        <v>362</v>
      </c>
      <c r="AL39" s="217">
        <v>0.47726263714819245</v>
      </c>
      <c r="AM39" s="93">
        <v>5.2217938719598858E-2</v>
      </c>
      <c r="AN39" s="217">
        <v>0.12615720163851249</v>
      </c>
      <c r="AO39" s="93">
        <v>3.5185643231653067E-2</v>
      </c>
      <c r="AP39" s="217">
        <v>0.39658016121329409</v>
      </c>
      <c r="AQ39" s="93">
        <v>5.1165310611946797E-2</v>
      </c>
      <c r="AR39" s="213">
        <v>426</v>
      </c>
      <c r="AS39" s="217">
        <v>0.48556482316850286</v>
      </c>
      <c r="AT39" s="93">
        <v>4.8204552942377576E-2</v>
      </c>
      <c r="AU39" s="217">
        <v>0.10851247540050477</v>
      </c>
      <c r="AV39" s="93">
        <v>3.0434932621178693E-2</v>
      </c>
      <c r="AW39" s="217">
        <v>0.4059227014309913</v>
      </c>
      <c r="AX39" s="93">
        <v>4.7379060942925683E-2</v>
      </c>
      <c r="AY39" s="213">
        <v>338</v>
      </c>
      <c r="AZ39" s="217">
        <v>0.18057630310196704</v>
      </c>
      <c r="BA39" s="93">
        <v>4.1933007871289382E-2</v>
      </c>
      <c r="BB39" s="217">
        <v>0.14916638484659603</v>
      </c>
      <c r="BC39" s="93">
        <v>3.8959883466594493E-2</v>
      </c>
      <c r="BD39" s="217">
        <v>0.67025731205143568</v>
      </c>
      <c r="BE39" s="93">
        <v>5.0919791733677694E-2</v>
      </c>
      <c r="BF39" s="213">
        <v>435</v>
      </c>
      <c r="BG39" s="217">
        <v>0.39534251375533103</v>
      </c>
      <c r="BH39" s="93">
        <v>4.6689543518013819E-2</v>
      </c>
      <c r="BI39" s="217">
        <v>0.18458469767769078</v>
      </c>
      <c r="BJ39" s="93">
        <v>3.7254025364586899E-2</v>
      </c>
      <c r="BK39" s="217">
        <v>0.42007278856697733</v>
      </c>
      <c r="BL39" s="93">
        <v>4.712485496065888E-2</v>
      </c>
      <c r="BM39" s="213">
        <v>423</v>
      </c>
      <c r="BN39" s="217">
        <v>0.26767403684795732</v>
      </c>
      <c r="BO39" s="93">
        <v>4.2961903297575682E-2</v>
      </c>
      <c r="BP39" s="217">
        <v>0.10450225938550252</v>
      </c>
      <c r="BQ39" s="93">
        <v>3.0066026886303492E-2</v>
      </c>
      <c r="BR39" s="217">
        <v>0.62782370376653907</v>
      </c>
      <c r="BS39" s="93">
        <v>4.6815776496627423E-2</v>
      </c>
      <c r="BT39" s="213">
        <v>308</v>
      </c>
      <c r="BU39" s="217">
        <v>0.3402060011741519</v>
      </c>
      <c r="BV39" s="93">
        <v>5.3722506634310468E-2</v>
      </c>
      <c r="BW39" s="217">
        <v>0.13431545166851949</v>
      </c>
      <c r="BX39" s="93">
        <v>3.9171169783900638E-2</v>
      </c>
      <c r="BY39" s="217">
        <v>0.52547854715732867</v>
      </c>
      <c r="BZ39" s="93">
        <v>5.6542176448864799E-2</v>
      </c>
    </row>
    <row r="40" spans="1:78">
      <c r="A40" s="48" t="s">
        <v>558</v>
      </c>
      <c r="B40" s="214">
        <v>66</v>
      </c>
      <c r="C40" s="218">
        <v>0.34181671295233895</v>
      </c>
      <c r="D40" s="96">
        <v>0.11408167376459941</v>
      </c>
      <c r="E40" s="218">
        <v>0.21739572285912978</v>
      </c>
      <c r="F40" s="96">
        <v>0.10113682023904615</v>
      </c>
      <c r="G40" s="218">
        <v>0.44078756418853132</v>
      </c>
      <c r="H40" s="96">
        <v>0.11877545140598345</v>
      </c>
      <c r="I40" s="214">
        <v>62</v>
      </c>
      <c r="J40" s="218">
        <v>0.32730834574484502</v>
      </c>
      <c r="K40" s="96">
        <v>0.11643255019576648</v>
      </c>
      <c r="L40" s="218">
        <v>0.28010865686092723</v>
      </c>
      <c r="M40" s="96">
        <v>0.11209602703298124</v>
      </c>
      <c r="N40" s="218">
        <v>0.39258299739422781</v>
      </c>
      <c r="O40" s="96">
        <v>0.12055874999836569</v>
      </c>
      <c r="P40" s="214">
        <v>54</v>
      </c>
      <c r="Q40" s="218">
        <v>0.37604220863422361</v>
      </c>
      <c r="R40" s="96">
        <v>0.1277607591145658</v>
      </c>
      <c r="S40" s="218">
        <v>0.12247190239979248</v>
      </c>
      <c r="T40" s="96">
        <v>9.3385962522715027E-2</v>
      </c>
      <c r="U40" s="218">
        <v>0.50148588896598378</v>
      </c>
      <c r="V40" s="96">
        <v>0.13130593026135001</v>
      </c>
      <c r="W40" s="214">
        <v>69</v>
      </c>
      <c r="X40" s="218">
        <v>0.689568016147042</v>
      </c>
      <c r="Y40" s="96">
        <v>0.10926761589206908</v>
      </c>
      <c r="Z40" s="218">
        <v>5.1609285813663489E-2</v>
      </c>
      <c r="AA40" s="96">
        <v>6.2098223044313929E-2</v>
      </c>
      <c r="AB40" s="218">
        <v>0.25882269803929453</v>
      </c>
      <c r="AC40" s="96">
        <v>0.10416879811032331</v>
      </c>
      <c r="AD40" s="214">
        <v>66</v>
      </c>
      <c r="AE40" s="218">
        <v>0.47471935109195484</v>
      </c>
      <c r="AF40" s="96">
        <v>0.1193869682235273</v>
      </c>
      <c r="AG40" s="218">
        <v>0.16954885589664406</v>
      </c>
      <c r="AH40" s="96">
        <v>9.3480400787546075E-2</v>
      </c>
      <c r="AI40" s="218">
        <v>0.35573179301140118</v>
      </c>
      <c r="AJ40" s="96">
        <v>0.11501487785490608</v>
      </c>
      <c r="AK40" s="214">
        <v>61</v>
      </c>
      <c r="AL40" s="218">
        <v>0.59910148916346395</v>
      </c>
      <c r="AM40" s="96">
        <v>0.12187015887620818</v>
      </c>
      <c r="AN40" s="218">
        <v>0.16761527507747154</v>
      </c>
      <c r="AO40" s="96">
        <v>9.69375691953831E-2</v>
      </c>
      <c r="AP40" s="218">
        <v>0.23328323575906451</v>
      </c>
      <c r="AQ40" s="96">
        <v>0.10737373851160106</v>
      </c>
      <c r="AR40" s="214">
        <v>68</v>
      </c>
      <c r="AS40" s="218">
        <v>0.66988372755204284</v>
      </c>
      <c r="AT40" s="96">
        <v>0.11161868711856131</v>
      </c>
      <c r="AU40" s="218">
        <v>0.11788546573922462</v>
      </c>
      <c r="AV40" s="96">
        <v>8.156842110802151E-2</v>
      </c>
      <c r="AW40" s="218">
        <v>0.2122308067087324</v>
      </c>
      <c r="AX40" s="96">
        <v>9.8920432627225677E-2</v>
      </c>
      <c r="AY40" s="214">
        <v>52</v>
      </c>
      <c r="AZ40" s="218">
        <v>0.16685103340905483</v>
      </c>
      <c r="BA40" s="96">
        <v>0.1049833189304733</v>
      </c>
      <c r="BB40" s="218">
        <v>0.11952522528972132</v>
      </c>
      <c r="BC40" s="96">
        <v>9.4559323632143227E-2</v>
      </c>
      <c r="BD40" s="218">
        <v>0.71362374130122375</v>
      </c>
      <c r="BE40" s="96">
        <v>0.122664282087875</v>
      </c>
      <c r="BF40" s="214">
        <v>70</v>
      </c>
      <c r="BG40" s="218">
        <v>0.43928466536604743</v>
      </c>
      <c r="BH40" s="96">
        <v>0.11547818367320209</v>
      </c>
      <c r="BI40" s="218">
        <v>0.21516223713179372</v>
      </c>
      <c r="BJ40" s="96">
        <v>9.7924813701225785E-2</v>
      </c>
      <c r="BK40" s="218">
        <v>0.34555309750215907</v>
      </c>
      <c r="BL40" s="96">
        <v>0.11117438245143765</v>
      </c>
      <c r="BM40" s="214">
        <v>68</v>
      </c>
      <c r="BN40" s="218">
        <v>0.51295189833212373</v>
      </c>
      <c r="BO40" s="96">
        <v>0.11781585670773945</v>
      </c>
      <c r="BP40" s="218">
        <v>0.19104270563981107</v>
      </c>
      <c r="BQ40" s="96">
        <v>9.5701168290012559E-2</v>
      </c>
      <c r="BR40" s="218">
        <v>0.29600539602806542</v>
      </c>
      <c r="BS40" s="96">
        <v>0.10875086699120402</v>
      </c>
      <c r="BT40" s="214">
        <v>47</v>
      </c>
      <c r="BU40" s="218">
        <v>0.6516864424748573</v>
      </c>
      <c r="BV40" s="96">
        <v>0.13444407103917527</v>
      </c>
      <c r="BW40" s="218">
        <v>8.5870076674768842E-2</v>
      </c>
      <c r="BX40" s="96">
        <v>9.0464565742734232E-2</v>
      </c>
      <c r="BY40" s="218">
        <v>0.26244348085037394</v>
      </c>
      <c r="BZ40" s="96">
        <v>0.12589195618561153</v>
      </c>
    </row>
    <row r="41" spans="1:78">
      <c r="A41" s="44" t="s">
        <v>559</v>
      </c>
      <c r="B41" s="213">
        <v>1845</v>
      </c>
      <c r="C41" s="217">
        <v>0.41251739749119648</v>
      </c>
      <c r="D41" s="93">
        <v>2.289864663950018E-2</v>
      </c>
      <c r="E41" s="217">
        <v>0.17582224214394818</v>
      </c>
      <c r="F41" s="93">
        <v>1.7733254810751997E-2</v>
      </c>
      <c r="G41" s="217">
        <v>0.41166036036485415</v>
      </c>
      <c r="H41" s="93">
        <v>2.2891558326916008E-2</v>
      </c>
      <c r="I41" s="213">
        <v>1809</v>
      </c>
      <c r="J41" s="217">
        <v>0.34380740330350362</v>
      </c>
      <c r="K41" s="93">
        <v>2.2315562812084168E-2</v>
      </c>
      <c r="L41" s="217">
        <v>0.22484367743534142</v>
      </c>
      <c r="M41" s="93">
        <v>1.9628244344946488E-2</v>
      </c>
      <c r="N41" s="217">
        <v>0.4313489192611536</v>
      </c>
      <c r="O41" s="93">
        <v>2.3264127783091438E-2</v>
      </c>
      <c r="P41" s="213">
        <v>1681</v>
      </c>
      <c r="Q41" s="217">
        <v>0.31521092314730903</v>
      </c>
      <c r="R41" s="93">
        <v>2.2644979106415646E-2</v>
      </c>
      <c r="S41" s="217">
        <v>0.18646610415813636</v>
      </c>
      <c r="T41" s="93">
        <v>1.9005709905817562E-2</v>
      </c>
      <c r="U41" s="217">
        <v>0.49832297269455339</v>
      </c>
      <c r="V41" s="93">
        <v>2.4361140477817456E-2</v>
      </c>
      <c r="W41" s="213">
        <v>1649</v>
      </c>
      <c r="X41" s="217">
        <v>0.38075013537639413</v>
      </c>
      <c r="Y41" s="93">
        <v>2.3889654042271544E-2</v>
      </c>
      <c r="Z41" s="217">
        <v>0.11553655608610097</v>
      </c>
      <c r="AA41" s="93">
        <v>1.5779972222149725E-2</v>
      </c>
      <c r="AB41" s="217">
        <v>0.50371330853750418</v>
      </c>
      <c r="AC41" s="93">
        <v>2.459527337628729E-2</v>
      </c>
      <c r="AD41" s="213">
        <v>1956</v>
      </c>
      <c r="AE41" s="217">
        <v>0.52946810989517945</v>
      </c>
      <c r="AF41" s="93">
        <v>2.2548594745472328E-2</v>
      </c>
      <c r="AG41" s="217">
        <v>0.15177305109150102</v>
      </c>
      <c r="AH41" s="93">
        <v>1.6240063459785816E-2</v>
      </c>
      <c r="AI41" s="217">
        <v>0.31875883901331759</v>
      </c>
      <c r="AJ41" s="93">
        <v>2.1058014116760965E-2</v>
      </c>
      <c r="AK41" s="213">
        <v>1670</v>
      </c>
      <c r="AL41" s="217">
        <v>0.54408248173120344</v>
      </c>
      <c r="AM41" s="93">
        <v>2.4346464298194547E-2</v>
      </c>
      <c r="AN41" s="217">
        <v>0.16388176766128468</v>
      </c>
      <c r="AO41" s="93">
        <v>1.8130273005502268E-2</v>
      </c>
      <c r="AP41" s="217">
        <v>0.29203575060751158</v>
      </c>
      <c r="AQ41" s="93">
        <v>2.2237842741346079E-2</v>
      </c>
      <c r="AR41" s="213">
        <v>1962</v>
      </c>
      <c r="AS41" s="217">
        <v>0.61839675126485227</v>
      </c>
      <c r="AT41" s="93">
        <v>2.1914436037840643E-2</v>
      </c>
      <c r="AU41" s="217">
        <v>0.14543778576337876</v>
      </c>
      <c r="AV41" s="93">
        <v>1.5934547565449503E-2</v>
      </c>
      <c r="AW41" s="217">
        <v>0.23616546297176672</v>
      </c>
      <c r="AX41" s="93">
        <v>1.9172839110519462E-2</v>
      </c>
      <c r="AY41" s="213">
        <v>1616</v>
      </c>
      <c r="AZ41" s="217">
        <v>0.24332724460539484</v>
      </c>
      <c r="BA41" s="93">
        <v>2.1340509949182736E-2</v>
      </c>
      <c r="BB41" s="217">
        <v>0.17768131819694727</v>
      </c>
      <c r="BC41" s="93">
        <v>1.9027145503018591E-2</v>
      </c>
      <c r="BD41" s="217">
        <v>0.578991437197658</v>
      </c>
      <c r="BE41" s="93">
        <v>2.4534738681616861E-2</v>
      </c>
      <c r="BF41" s="213">
        <v>1935</v>
      </c>
      <c r="BG41" s="217">
        <v>0.46185688901018596</v>
      </c>
      <c r="BH41" s="93">
        <v>2.2643780455555564E-2</v>
      </c>
      <c r="BI41" s="217">
        <v>0.22275942620143041</v>
      </c>
      <c r="BJ41" s="93">
        <v>1.8916196862704234E-2</v>
      </c>
      <c r="BK41" s="217">
        <v>0.31538368478838102</v>
      </c>
      <c r="BL41" s="93">
        <v>2.1111814251715176E-2</v>
      </c>
      <c r="BM41" s="213">
        <v>1990</v>
      </c>
      <c r="BN41" s="217">
        <v>0.48989357103200626</v>
      </c>
      <c r="BO41" s="93">
        <v>2.2389739620276131E-2</v>
      </c>
      <c r="BP41" s="217">
        <v>0.1417340916980363</v>
      </c>
      <c r="BQ41" s="93">
        <v>1.5654236990177425E-2</v>
      </c>
      <c r="BR41" s="217">
        <v>0.36837233726995455</v>
      </c>
      <c r="BS41" s="93">
        <v>2.1607588129284427E-2</v>
      </c>
      <c r="BT41" s="213">
        <v>1384</v>
      </c>
      <c r="BU41" s="217">
        <v>0.46424231335416416</v>
      </c>
      <c r="BV41" s="93">
        <v>2.6773074927328749E-2</v>
      </c>
      <c r="BW41" s="217">
        <v>0.17868116604320361</v>
      </c>
      <c r="BX41" s="93">
        <v>2.0606679347362187E-2</v>
      </c>
      <c r="BY41" s="217">
        <v>0.35707652060263356</v>
      </c>
      <c r="BZ41" s="93">
        <v>2.5728041472889981E-2</v>
      </c>
    </row>
    <row r="42" spans="1:78">
      <c r="A42" s="48" t="s">
        <v>560</v>
      </c>
      <c r="B42" s="214">
        <v>1776</v>
      </c>
      <c r="C42" s="218">
        <v>0.41435771953374706</v>
      </c>
      <c r="D42" s="96">
        <v>2.3353575731461716E-2</v>
      </c>
      <c r="E42" s="218">
        <v>0.16630004586927194</v>
      </c>
      <c r="F42" s="96">
        <v>1.7682865009837487E-2</v>
      </c>
      <c r="G42" s="218">
        <v>0.41934223459698189</v>
      </c>
      <c r="H42" s="96">
        <v>2.3393244536086957E-2</v>
      </c>
      <c r="I42" s="214">
        <v>1750</v>
      </c>
      <c r="J42" s="218">
        <v>0.36072017949990537</v>
      </c>
      <c r="K42" s="96">
        <v>2.2936604366906064E-2</v>
      </c>
      <c r="L42" s="218">
        <v>0.23067132217615682</v>
      </c>
      <c r="M42" s="96">
        <v>2.0135942315540313E-2</v>
      </c>
      <c r="N42" s="218">
        <v>0.40860849832394036</v>
      </c>
      <c r="O42" s="96">
        <v>2.3476893482037953E-2</v>
      </c>
      <c r="P42" s="214">
        <v>1624</v>
      </c>
      <c r="Q42" s="218">
        <v>0.34317827299068571</v>
      </c>
      <c r="R42" s="96">
        <v>2.3539795770516674E-2</v>
      </c>
      <c r="S42" s="218">
        <v>0.18169424058066277</v>
      </c>
      <c r="T42" s="96">
        <v>1.9145037511688369E-2</v>
      </c>
      <c r="U42" s="218">
        <v>0.47512748642865382</v>
      </c>
      <c r="V42" s="96">
        <v>2.4753546607304503E-2</v>
      </c>
      <c r="W42" s="214">
        <v>1591</v>
      </c>
      <c r="X42" s="218">
        <v>0.43372785283457427</v>
      </c>
      <c r="Y42" s="96">
        <v>2.4819347479683673E-2</v>
      </c>
      <c r="Z42" s="218">
        <v>0.11666564497424306</v>
      </c>
      <c r="AA42" s="96">
        <v>1.6133524157004041E-2</v>
      </c>
      <c r="AB42" s="218">
        <v>0.44960650219118437</v>
      </c>
      <c r="AC42" s="96">
        <v>2.4912295901981931E-2</v>
      </c>
      <c r="AD42" s="214">
        <v>1876</v>
      </c>
      <c r="AE42" s="218">
        <v>0.54171079398771871</v>
      </c>
      <c r="AF42" s="96">
        <v>2.2983231868738099E-2</v>
      </c>
      <c r="AG42" s="218">
        <v>0.15319814715876848</v>
      </c>
      <c r="AH42" s="96">
        <v>1.6646495006997417E-2</v>
      </c>
      <c r="AI42" s="218">
        <v>0.30509105885351417</v>
      </c>
      <c r="AJ42" s="96">
        <v>2.1246876622130834E-2</v>
      </c>
      <c r="AK42" s="214">
        <v>1607</v>
      </c>
      <c r="AL42" s="218">
        <v>0.55782353635211734</v>
      </c>
      <c r="AM42" s="96">
        <v>2.4748167821506798E-2</v>
      </c>
      <c r="AN42" s="218">
        <v>0.15180220704023184</v>
      </c>
      <c r="AO42" s="96">
        <v>1.7921798455659065E-2</v>
      </c>
      <c r="AP42" s="218">
        <v>0.29037425660765359</v>
      </c>
      <c r="AQ42" s="96">
        <v>2.2631092213885505E-2</v>
      </c>
      <c r="AR42" s="214">
        <v>1886</v>
      </c>
      <c r="AS42" s="218">
        <v>0.64816967494761668</v>
      </c>
      <c r="AT42" s="96">
        <v>2.1973460526223842E-2</v>
      </c>
      <c r="AU42" s="218">
        <v>0.14997521388583929</v>
      </c>
      <c r="AV42" s="96">
        <v>1.6459068505509662E-2</v>
      </c>
      <c r="AW42" s="218">
        <v>0.20185511116654492</v>
      </c>
      <c r="AX42" s="96">
        <v>1.8486974259623725E-2</v>
      </c>
      <c r="AY42" s="214">
        <v>1564</v>
      </c>
      <c r="AZ42" s="218">
        <v>0.25318779818248272</v>
      </c>
      <c r="BA42" s="96">
        <v>2.1980634906438923E-2</v>
      </c>
      <c r="BB42" s="218">
        <v>0.17373224603919846</v>
      </c>
      <c r="BC42" s="96">
        <v>1.9172403605399711E-2</v>
      </c>
      <c r="BD42" s="218">
        <v>0.57307995577832083</v>
      </c>
      <c r="BE42" s="96">
        <v>2.4984001701236273E-2</v>
      </c>
      <c r="BF42" s="214">
        <v>1856</v>
      </c>
      <c r="BG42" s="218">
        <v>0.46012757668943766</v>
      </c>
      <c r="BH42" s="96">
        <v>2.3113419292643031E-2</v>
      </c>
      <c r="BI42" s="218">
        <v>0.21272413944478191</v>
      </c>
      <c r="BJ42" s="96">
        <v>1.8997858108691371E-2</v>
      </c>
      <c r="BK42" s="218">
        <v>0.32714828386578143</v>
      </c>
      <c r="BL42" s="96">
        <v>2.1763669655931711E-2</v>
      </c>
      <c r="BM42" s="214">
        <v>1914</v>
      </c>
      <c r="BN42" s="218">
        <v>0.53724672218734981</v>
      </c>
      <c r="BO42" s="96">
        <v>2.2770490304858237E-2</v>
      </c>
      <c r="BP42" s="218">
        <v>0.15170561869253521</v>
      </c>
      <c r="BQ42" s="96">
        <v>1.6414627462031151E-2</v>
      </c>
      <c r="BR42" s="218">
        <v>0.31104765912011539</v>
      </c>
      <c r="BS42" s="96">
        <v>2.114776333265897E-2</v>
      </c>
      <c r="BT42" s="214">
        <v>1336</v>
      </c>
      <c r="BU42" s="218">
        <v>0.50139767622445452</v>
      </c>
      <c r="BV42" s="96">
        <v>2.7317812140408303E-2</v>
      </c>
      <c r="BW42" s="218">
        <v>0.17429328455243101</v>
      </c>
      <c r="BX42" s="96">
        <v>2.0772221167648715E-2</v>
      </c>
      <c r="BY42" s="218">
        <v>0.32430903922311616</v>
      </c>
      <c r="BZ42" s="96">
        <v>2.5586650771049147E-2</v>
      </c>
    </row>
    <row r="43" spans="1:78">
      <c r="A43" s="44" t="s">
        <v>368</v>
      </c>
      <c r="B43" s="213">
        <v>69</v>
      </c>
      <c r="C43" s="217">
        <v>0.33397866455244568</v>
      </c>
      <c r="D43" s="93">
        <v>0.11112741585237448</v>
      </c>
      <c r="E43" s="217">
        <v>0.17235288916074779</v>
      </c>
      <c r="F43" s="93">
        <v>9.1887281360514023E-2</v>
      </c>
      <c r="G43" s="217">
        <v>0.49366844628680612</v>
      </c>
      <c r="H43" s="93">
        <v>0.11703276308216093</v>
      </c>
      <c r="I43" s="213">
        <v>62</v>
      </c>
      <c r="J43" s="217">
        <v>0.21913155143938112</v>
      </c>
      <c r="K43" s="93">
        <v>0.10455829918928344</v>
      </c>
      <c r="L43" s="217">
        <v>0.23476488845692572</v>
      </c>
      <c r="M43" s="93">
        <v>0.10671944717313292</v>
      </c>
      <c r="N43" s="217">
        <v>0.54610356010369299</v>
      </c>
      <c r="O43" s="93">
        <v>0.12262885503611555</v>
      </c>
      <c r="P43" s="213">
        <v>51</v>
      </c>
      <c r="Q43" s="217">
        <v>0.18443254832935885</v>
      </c>
      <c r="R43" s="93">
        <v>0.10933692306006063</v>
      </c>
      <c r="S43" s="217">
        <v>0.13407577535531331</v>
      </c>
      <c r="T43" s="93">
        <v>9.9038163253639344E-2</v>
      </c>
      <c r="U43" s="217">
        <v>0.68149167631532781</v>
      </c>
      <c r="V43" s="93">
        <v>0.12697249750280923</v>
      </c>
      <c r="W43" s="213">
        <v>49</v>
      </c>
      <c r="X43" s="217">
        <v>0.12776718949735918</v>
      </c>
      <c r="Y43" s="93">
        <v>9.9647613057920331E-2</v>
      </c>
      <c r="Z43" s="217">
        <v>0.14735661300288469</v>
      </c>
      <c r="AA43" s="93">
        <v>0.10414258257582315</v>
      </c>
      <c r="AB43" s="217">
        <v>0.72487619749975596</v>
      </c>
      <c r="AC43" s="93">
        <v>0.12492284614068475</v>
      </c>
      <c r="AD43" s="213">
        <v>72</v>
      </c>
      <c r="AE43" s="217">
        <v>0.3980691285679781</v>
      </c>
      <c r="AF43" s="93">
        <v>0.11254823305408623</v>
      </c>
      <c r="AG43" s="217">
        <v>0.15621697143240384</v>
      </c>
      <c r="AH43" s="93">
        <v>8.703494603678294E-2</v>
      </c>
      <c r="AI43" s="217">
        <v>0.44571389999961769</v>
      </c>
      <c r="AJ43" s="93">
        <v>0.11409946363987904</v>
      </c>
      <c r="AK43" s="213">
        <v>62</v>
      </c>
      <c r="AL43" s="217">
        <v>0.43879214779545167</v>
      </c>
      <c r="AM43" s="93">
        <v>0.12227488832000967</v>
      </c>
      <c r="AN43" s="217">
        <v>0.16265264196786433</v>
      </c>
      <c r="AO43" s="93">
        <v>9.5210478823051503E-2</v>
      </c>
      <c r="AP43" s="217">
        <v>0.398555210236684</v>
      </c>
      <c r="AQ43" s="93">
        <v>0.12083511281925276</v>
      </c>
      <c r="AR43" s="213">
        <v>73</v>
      </c>
      <c r="AS43" s="217">
        <v>0.50642798760807084</v>
      </c>
      <c r="AT43" s="93">
        <v>0.1139521116909622</v>
      </c>
      <c r="AU43" s="217">
        <v>0.21609490358082012</v>
      </c>
      <c r="AV43" s="93">
        <v>9.6039663865019692E-2</v>
      </c>
      <c r="AW43" s="217">
        <v>0.27747710881110871</v>
      </c>
      <c r="AX43" s="93">
        <v>0.10332008083031875</v>
      </c>
      <c r="AY43" s="213">
        <v>54</v>
      </c>
      <c r="AZ43" s="217">
        <v>0.10788019669586574</v>
      </c>
      <c r="BA43" s="93">
        <v>8.9719386879887425E-2</v>
      </c>
      <c r="BB43" s="217">
        <v>0.16489853753953709</v>
      </c>
      <c r="BC43" s="93">
        <v>0.10260792651125469</v>
      </c>
      <c r="BD43" s="217">
        <v>0.727221265764597</v>
      </c>
      <c r="BE43" s="93">
        <v>0.11897442344238465</v>
      </c>
      <c r="BF43" s="213">
        <v>75</v>
      </c>
      <c r="BG43" s="217">
        <v>0.45704010320463789</v>
      </c>
      <c r="BH43" s="93">
        <v>0.11213387280672704</v>
      </c>
      <c r="BI43" s="217">
        <v>0.19887889966284272</v>
      </c>
      <c r="BJ43" s="93">
        <v>9.2305434588755883E-2</v>
      </c>
      <c r="BK43" s="217">
        <v>0.34408099713251877</v>
      </c>
      <c r="BL43" s="93">
        <v>0.10746533993900956</v>
      </c>
      <c r="BM43" s="213">
        <v>74</v>
      </c>
      <c r="BN43" s="217">
        <v>0.38537381113555158</v>
      </c>
      <c r="BO43" s="93">
        <v>0.11051717334782406</v>
      </c>
      <c r="BP43" s="217">
        <v>0.21927831752777055</v>
      </c>
      <c r="BQ43" s="93">
        <v>9.5828538702522212E-2</v>
      </c>
      <c r="BR43" s="217">
        <v>0.39534787133667743</v>
      </c>
      <c r="BS43" s="93">
        <v>0.11097295089981345</v>
      </c>
      <c r="BT43" s="213">
        <v>52</v>
      </c>
      <c r="BU43" s="217">
        <v>0.36122476507725315</v>
      </c>
      <c r="BV43" s="93">
        <v>0.12911633731774985</v>
      </c>
      <c r="BW43" s="217">
        <v>0.16607016670514049</v>
      </c>
      <c r="BX43" s="93">
        <v>0.10483041356274463</v>
      </c>
      <c r="BY43" s="217">
        <v>0.47270506821760627</v>
      </c>
      <c r="BZ43" s="93">
        <v>0.13345882620341223</v>
      </c>
    </row>
    <row r="44" spans="1:78">
      <c r="A44" s="48" t="s">
        <v>150</v>
      </c>
      <c r="B44" s="214">
        <v>194</v>
      </c>
      <c r="C44" s="218">
        <v>0.35111537612441091</v>
      </c>
      <c r="D44" s="96">
        <v>6.7975031594818866E-2</v>
      </c>
      <c r="E44" s="218">
        <v>0.17935627350542788</v>
      </c>
      <c r="F44" s="96">
        <v>5.5286156784434493E-2</v>
      </c>
      <c r="G44" s="218">
        <v>0.46952835037016372</v>
      </c>
      <c r="H44" s="96">
        <v>7.0940096458826457E-2</v>
      </c>
      <c r="I44" s="214">
        <v>182</v>
      </c>
      <c r="J44" s="218">
        <v>0.35312585214056169</v>
      </c>
      <c r="K44" s="96">
        <v>7.0229399329616957E-2</v>
      </c>
      <c r="L44" s="218">
        <v>0.19136179901691994</v>
      </c>
      <c r="M44" s="96">
        <v>5.8437634163469677E-2</v>
      </c>
      <c r="N44" s="218">
        <v>0.45551234884252073</v>
      </c>
      <c r="O44" s="96">
        <v>7.304514119880344E-2</v>
      </c>
      <c r="P44" s="214">
        <v>170</v>
      </c>
      <c r="Q44" s="218">
        <v>0.32366111405038245</v>
      </c>
      <c r="R44" s="96">
        <v>7.116725289135202E-2</v>
      </c>
      <c r="S44" s="218">
        <v>0.23566572071377334</v>
      </c>
      <c r="T44" s="96">
        <v>6.4914266530759532E-2</v>
      </c>
      <c r="U44" s="218">
        <v>0.4406731652358461</v>
      </c>
      <c r="V44" s="96">
        <v>7.5298683521184795E-2</v>
      </c>
      <c r="W44" s="214">
        <v>192</v>
      </c>
      <c r="X44" s="218">
        <v>0.76103334198190897</v>
      </c>
      <c r="Y44" s="96">
        <v>6.1381107013076197E-2</v>
      </c>
      <c r="Z44" s="218">
        <v>0.13829848009969659</v>
      </c>
      <c r="AA44" s="96">
        <v>5.0397894246978915E-2</v>
      </c>
      <c r="AB44" s="218">
        <v>0.10066817791839559</v>
      </c>
      <c r="AC44" s="96">
        <v>4.4487212524806093E-2</v>
      </c>
      <c r="AD44" s="214">
        <v>193</v>
      </c>
      <c r="AE44" s="218">
        <v>0.55035599169566563</v>
      </c>
      <c r="AF44" s="96">
        <v>7.0899399999361373E-2</v>
      </c>
      <c r="AG44" s="218">
        <v>0.1251897956094507</v>
      </c>
      <c r="AH44" s="96">
        <v>4.8356601321054252E-2</v>
      </c>
      <c r="AI44" s="218">
        <v>0.32445421269488584</v>
      </c>
      <c r="AJ44" s="96">
        <v>6.6899788083452191E-2</v>
      </c>
      <c r="AK44" s="214">
        <v>177</v>
      </c>
      <c r="AL44" s="218">
        <v>0.58787989520468065</v>
      </c>
      <c r="AM44" s="96">
        <v>7.3223293528699232E-2</v>
      </c>
      <c r="AN44" s="218">
        <v>0.14460483734836418</v>
      </c>
      <c r="AO44" s="96">
        <v>5.3437662511039957E-2</v>
      </c>
      <c r="AP44" s="218">
        <v>0.26751526744695686</v>
      </c>
      <c r="AQ44" s="96">
        <v>6.6201327797848514E-2</v>
      </c>
      <c r="AR44" s="214">
        <v>195</v>
      </c>
      <c r="AS44" s="218">
        <v>0.67189162228331356</v>
      </c>
      <c r="AT44" s="96">
        <v>6.6744715884609701E-2</v>
      </c>
      <c r="AU44" s="218">
        <v>0.16603914092281902</v>
      </c>
      <c r="AV44" s="96">
        <v>5.359605015292021E-2</v>
      </c>
      <c r="AW44" s="218">
        <v>0.16206923679386998</v>
      </c>
      <c r="AX44" s="96">
        <v>5.3113607716316187E-2</v>
      </c>
      <c r="AY44" s="214">
        <v>176</v>
      </c>
      <c r="AZ44" s="218">
        <v>0.28360917587551693</v>
      </c>
      <c r="BA44" s="96">
        <v>6.7533201446938473E-2</v>
      </c>
      <c r="BB44" s="218">
        <v>0.21830735516777444</v>
      </c>
      <c r="BC44" s="96">
        <v>6.2206960689973043E-2</v>
      </c>
      <c r="BD44" s="218">
        <v>0.49808346895671074</v>
      </c>
      <c r="BE44" s="96">
        <v>7.4535075761294714E-2</v>
      </c>
      <c r="BF44" s="214">
        <v>193</v>
      </c>
      <c r="BG44" s="218">
        <v>0.3861577154644148</v>
      </c>
      <c r="BH44" s="96">
        <v>6.9451935426038891E-2</v>
      </c>
      <c r="BI44" s="218">
        <v>0.2207372726786897</v>
      </c>
      <c r="BJ44" s="96">
        <v>5.963462162368989E-2</v>
      </c>
      <c r="BK44" s="218">
        <v>0.39310501185689789</v>
      </c>
      <c r="BL44" s="96">
        <v>6.9666758999937212E-2</v>
      </c>
      <c r="BM44" s="214">
        <v>196</v>
      </c>
      <c r="BN44" s="218">
        <v>0.58791733764113419</v>
      </c>
      <c r="BO44" s="96">
        <v>6.9652943697895195E-2</v>
      </c>
      <c r="BP44" s="218">
        <v>0.19316630524450956</v>
      </c>
      <c r="BQ44" s="96">
        <v>5.649447789752407E-2</v>
      </c>
      <c r="BR44" s="218">
        <v>0.21891635711435853</v>
      </c>
      <c r="BS44" s="96">
        <v>5.9011982354151185E-2</v>
      </c>
      <c r="BT44" s="214">
        <v>165</v>
      </c>
      <c r="BU44" s="218">
        <v>0.59774739760676798</v>
      </c>
      <c r="BV44" s="96">
        <v>7.5508905438952043E-2</v>
      </c>
      <c r="BW44" s="218">
        <v>0.17784498685361314</v>
      </c>
      <c r="BX44" s="96">
        <v>5.9796667777303893E-2</v>
      </c>
      <c r="BY44" s="218">
        <v>0.22440761553962044</v>
      </c>
      <c r="BZ44" s="96">
        <v>6.4835086333967493E-2</v>
      </c>
    </row>
    <row r="45" spans="1:78">
      <c r="A45" s="44" t="s">
        <v>352</v>
      </c>
      <c r="B45" s="213">
        <v>80</v>
      </c>
      <c r="C45" s="217">
        <v>0.42345135389614424</v>
      </c>
      <c r="D45" s="93">
        <v>0.1079429045949707</v>
      </c>
      <c r="E45" s="217">
        <v>0.16619637883756355</v>
      </c>
      <c r="F45" s="93">
        <v>8.4214683035302135E-2</v>
      </c>
      <c r="G45" s="217">
        <v>0.41035226726629115</v>
      </c>
      <c r="H45" s="93">
        <v>0.10750646972607872</v>
      </c>
      <c r="I45" s="213">
        <v>79</v>
      </c>
      <c r="J45" s="217">
        <v>0.27620785103026579</v>
      </c>
      <c r="K45" s="93">
        <v>9.9305546326224015E-2</v>
      </c>
      <c r="L45" s="217">
        <v>0.21036943075955353</v>
      </c>
      <c r="M45" s="93">
        <v>9.1573839993071032E-2</v>
      </c>
      <c r="N45" s="217">
        <v>0.5134227182101796</v>
      </c>
      <c r="O45" s="93">
        <v>0.10972842223462259</v>
      </c>
      <c r="P45" s="213">
        <v>74</v>
      </c>
      <c r="Q45" s="217">
        <v>0.29944343651896466</v>
      </c>
      <c r="R45" s="93">
        <v>0.10470880595159773</v>
      </c>
      <c r="S45" s="217">
        <v>0.29464212350374303</v>
      </c>
      <c r="T45" s="93">
        <v>0.10427836407218888</v>
      </c>
      <c r="U45" s="217">
        <v>0.40591443997729215</v>
      </c>
      <c r="V45" s="93">
        <v>0.11140881856732698</v>
      </c>
      <c r="W45" s="213">
        <v>81</v>
      </c>
      <c r="X45" s="217">
        <v>0.79387035515603199</v>
      </c>
      <c r="Y45" s="93">
        <v>8.9856604091643338E-2</v>
      </c>
      <c r="Z45" s="217">
        <v>9.9188440739561429E-2</v>
      </c>
      <c r="AA45" s="93">
        <v>6.9996410201001669E-2</v>
      </c>
      <c r="AB45" s="217">
        <v>0.10694120410440533</v>
      </c>
      <c r="AC45" s="93">
        <v>7.185062103500664E-2</v>
      </c>
      <c r="AD45" s="213">
        <v>84</v>
      </c>
      <c r="AE45" s="217">
        <v>0.58154548598015321</v>
      </c>
      <c r="AF45" s="93">
        <v>0.10530067552512297</v>
      </c>
      <c r="AG45" s="217">
        <v>0.14614038701036228</v>
      </c>
      <c r="AH45" s="93">
        <v>7.8597938866048558E-2</v>
      </c>
      <c r="AI45" s="217">
        <v>0.27231412700948349</v>
      </c>
      <c r="AJ45" s="93">
        <v>9.6003039533395659E-2</v>
      </c>
      <c r="AK45" s="213">
        <v>77</v>
      </c>
      <c r="AL45" s="217">
        <v>0.57151172519914162</v>
      </c>
      <c r="AM45" s="93">
        <v>0.11007936110521895</v>
      </c>
      <c r="AN45" s="217">
        <v>0.16538585592007565</v>
      </c>
      <c r="AO45" s="93">
        <v>8.5726743314082116E-2</v>
      </c>
      <c r="AP45" s="217">
        <v>0.26310241888078256</v>
      </c>
      <c r="AQ45" s="93">
        <v>9.9203106187106996E-2</v>
      </c>
      <c r="AR45" s="213">
        <v>83</v>
      </c>
      <c r="AS45" s="217">
        <v>0.65147519313536773</v>
      </c>
      <c r="AT45" s="93">
        <v>0.1026357523090547</v>
      </c>
      <c r="AU45" s="217">
        <v>0.17381630547966589</v>
      </c>
      <c r="AV45" s="93">
        <v>8.3916436528194721E-2</v>
      </c>
      <c r="AW45" s="217">
        <v>0.17470850138496505</v>
      </c>
      <c r="AX45" s="93">
        <v>8.4061235330468095E-2</v>
      </c>
      <c r="AY45" s="213">
        <v>77</v>
      </c>
      <c r="AZ45" s="217">
        <v>0.31487496886116917</v>
      </c>
      <c r="BA45" s="93">
        <v>0.10400141608767488</v>
      </c>
      <c r="BB45" s="217">
        <v>0.22139097834771657</v>
      </c>
      <c r="BC45" s="93">
        <v>9.4242708831013849E-2</v>
      </c>
      <c r="BD45" s="217">
        <v>0.46373405279111313</v>
      </c>
      <c r="BE45" s="93">
        <v>0.11084667909102561</v>
      </c>
      <c r="BF45" s="213">
        <v>78</v>
      </c>
      <c r="BG45" s="217">
        <v>0.48463081360596677</v>
      </c>
      <c r="BH45" s="93">
        <v>0.11038431116373031</v>
      </c>
      <c r="BI45" s="217">
        <v>0.16100932314967772</v>
      </c>
      <c r="BJ45" s="93">
        <v>8.4398319711730813E-2</v>
      </c>
      <c r="BK45" s="217">
        <v>0.35435986324435481</v>
      </c>
      <c r="BL45" s="93">
        <v>0.10610805555194033</v>
      </c>
      <c r="BM45" s="213">
        <v>84</v>
      </c>
      <c r="BN45" s="217">
        <v>0.80199412903436895</v>
      </c>
      <c r="BO45" s="93">
        <v>8.710027285725197E-2</v>
      </c>
      <c r="BP45" s="217">
        <v>0.10113137269927405</v>
      </c>
      <c r="BQ45" s="93">
        <v>6.9097558269691689E-2</v>
      </c>
      <c r="BR45" s="217">
        <v>9.6874498266355732E-2</v>
      </c>
      <c r="BS45" s="93">
        <v>6.8066717560880466E-2</v>
      </c>
      <c r="BT45" s="213">
        <v>72</v>
      </c>
      <c r="BU45" s="217">
        <v>0.59803307085873014</v>
      </c>
      <c r="BV45" s="93">
        <v>0.11271167804088965</v>
      </c>
      <c r="BW45" s="217">
        <v>0.16800188663225538</v>
      </c>
      <c r="BX45" s="93">
        <v>8.9169950390726352E-2</v>
      </c>
      <c r="BY45" s="217">
        <v>0.23396504250901451</v>
      </c>
      <c r="BZ45" s="93">
        <v>9.9069169781099878E-2</v>
      </c>
    </row>
    <row r="46" spans="1:78">
      <c r="A46" s="48" t="s">
        <v>353</v>
      </c>
      <c r="B46" s="214">
        <v>91</v>
      </c>
      <c r="C46" s="218">
        <v>0.27053938466834271</v>
      </c>
      <c r="D46" s="96">
        <v>9.2152813298110689E-2</v>
      </c>
      <c r="E46" s="218">
        <v>0.23811512767775445</v>
      </c>
      <c r="F46" s="96">
        <v>8.8750434997599228E-2</v>
      </c>
      <c r="G46" s="218">
        <v>0.49134548765390101</v>
      </c>
      <c r="H46" s="96">
        <v>0.10258373197096537</v>
      </c>
      <c r="I46" s="214">
        <v>87</v>
      </c>
      <c r="J46" s="218">
        <v>0.34103490736897696</v>
      </c>
      <c r="K46" s="96">
        <v>9.9868661932939473E-2</v>
      </c>
      <c r="L46" s="218">
        <v>0.20030668517241829</v>
      </c>
      <c r="M46" s="96">
        <v>8.5909817202680025E-2</v>
      </c>
      <c r="N46" s="218">
        <v>0.45865840745860309</v>
      </c>
      <c r="O46" s="96">
        <v>0.10450044921523276</v>
      </c>
      <c r="P46" s="214">
        <v>80</v>
      </c>
      <c r="Q46" s="218">
        <v>0.24869678769908407</v>
      </c>
      <c r="R46" s="96">
        <v>9.5796930844784661E-2</v>
      </c>
      <c r="S46" s="218">
        <v>0.2562236215079039</v>
      </c>
      <c r="T46" s="96">
        <v>9.6633334800340157E-2</v>
      </c>
      <c r="U46" s="218">
        <v>0.49507959079301256</v>
      </c>
      <c r="V46" s="96">
        <v>0.10910415304155995</v>
      </c>
      <c r="W46" s="214">
        <v>90</v>
      </c>
      <c r="X46" s="218">
        <v>0.75130234413786923</v>
      </c>
      <c r="Y46" s="96">
        <v>9.0414527273006168E-2</v>
      </c>
      <c r="Z46" s="218">
        <v>0.14659398685295644</v>
      </c>
      <c r="AA46" s="96">
        <v>7.5935992761492224E-2</v>
      </c>
      <c r="AB46" s="218">
        <v>0.10210366900917336</v>
      </c>
      <c r="AC46" s="96">
        <v>6.680106850630492E-2</v>
      </c>
      <c r="AD46" s="214">
        <v>89</v>
      </c>
      <c r="AE46" s="218">
        <v>0.48262573127981534</v>
      </c>
      <c r="AF46" s="96">
        <v>0.10363781915646642</v>
      </c>
      <c r="AG46" s="218">
        <v>8.5287021913856453E-2</v>
      </c>
      <c r="AH46" s="96">
        <v>6.3071746534823225E-2</v>
      </c>
      <c r="AI46" s="218">
        <v>0.43208724680632665</v>
      </c>
      <c r="AJ46" s="96">
        <v>0.10281543527468802</v>
      </c>
      <c r="AK46" s="214">
        <v>79</v>
      </c>
      <c r="AL46" s="218">
        <v>0.53697139881895983</v>
      </c>
      <c r="AM46" s="96">
        <v>0.10949207792408372</v>
      </c>
      <c r="AN46" s="218">
        <v>0.13359633552205466</v>
      </c>
      <c r="AO46" s="96">
        <v>7.8656326436664092E-2</v>
      </c>
      <c r="AP46" s="218">
        <v>0.32943226565898437</v>
      </c>
      <c r="AQ46" s="96">
        <v>0.1038170902989054</v>
      </c>
      <c r="AR46" s="214">
        <v>91</v>
      </c>
      <c r="AS46" s="218">
        <v>0.67592134824078232</v>
      </c>
      <c r="AT46" s="96">
        <v>9.6595300481621835E-2</v>
      </c>
      <c r="AU46" s="218">
        <v>0.16043389431879584</v>
      </c>
      <c r="AV46" s="96">
        <v>7.7920431027815526E-2</v>
      </c>
      <c r="AW46" s="218">
        <v>0.16364475744042042</v>
      </c>
      <c r="AX46" s="96">
        <v>7.845661879306251E-2</v>
      </c>
      <c r="AY46" s="214">
        <v>81</v>
      </c>
      <c r="AZ46" s="218">
        <v>0.27765270436448369</v>
      </c>
      <c r="BA46" s="96">
        <v>9.8244644381589682E-2</v>
      </c>
      <c r="BB46" s="218">
        <v>0.22178905690385553</v>
      </c>
      <c r="BC46" s="96">
        <v>9.1962164676783226E-2</v>
      </c>
      <c r="BD46" s="218">
        <v>0.50055823873166105</v>
      </c>
      <c r="BE46" s="96">
        <v>0.10846516752001516</v>
      </c>
      <c r="BF46" s="214">
        <v>93</v>
      </c>
      <c r="BG46" s="218">
        <v>0.27215309042678287</v>
      </c>
      <c r="BH46" s="96">
        <v>9.1331296874523391E-2</v>
      </c>
      <c r="BI46" s="218">
        <v>0.2941675236815387</v>
      </c>
      <c r="BJ46" s="96">
        <v>9.3291502550555391E-2</v>
      </c>
      <c r="BK46" s="218">
        <v>0.43367938589167687</v>
      </c>
      <c r="BL46" s="96">
        <v>0.10071023110287942</v>
      </c>
      <c r="BM46" s="214">
        <v>92</v>
      </c>
      <c r="BN46" s="218">
        <v>0.47311954039428872</v>
      </c>
      <c r="BO46" s="96">
        <v>0.10192652576479212</v>
      </c>
      <c r="BP46" s="218">
        <v>0.23998375950350431</v>
      </c>
      <c r="BQ46" s="96">
        <v>8.8484512772740151E-2</v>
      </c>
      <c r="BR46" s="218">
        <v>0.28689670010220547</v>
      </c>
      <c r="BS46" s="96">
        <v>9.3160381324777941E-2</v>
      </c>
      <c r="BT46" s="214">
        <v>75</v>
      </c>
      <c r="BU46" s="218">
        <v>0.54443101448520226</v>
      </c>
      <c r="BV46" s="96">
        <v>0.11210770912957248</v>
      </c>
      <c r="BW46" s="218">
        <v>0.1825725937288496</v>
      </c>
      <c r="BX46" s="96">
        <v>8.977752646368499E-2</v>
      </c>
      <c r="BY46" s="218">
        <v>0.2729963917859482</v>
      </c>
      <c r="BZ46" s="96">
        <v>0.10152147510119447</v>
      </c>
    </row>
    <row r="47" spans="1:78">
      <c r="A47" s="44" t="s">
        <v>369</v>
      </c>
      <c r="B47" s="213">
        <v>259</v>
      </c>
      <c r="C47" s="217">
        <v>0.50749492060293599</v>
      </c>
      <c r="D47" s="93">
        <v>6.1655922702310656E-2</v>
      </c>
      <c r="E47" s="217">
        <v>0.13052355312015951</v>
      </c>
      <c r="F47" s="93">
        <v>4.2293211414461518E-2</v>
      </c>
      <c r="G47" s="217">
        <v>0.361981526276904</v>
      </c>
      <c r="H47" s="93">
        <v>5.9340601556780607E-2</v>
      </c>
      <c r="I47" s="213">
        <v>247</v>
      </c>
      <c r="J47" s="217">
        <v>0.36879408342030368</v>
      </c>
      <c r="K47" s="93">
        <v>6.0978648275902173E-2</v>
      </c>
      <c r="L47" s="217">
        <v>0.20738232781126317</v>
      </c>
      <c r="M47" s="93">
        <v>5.1601019034555856E-2</v>
      </c>
      <c r="N47" s="217">
        <v>0.42382358876843218</v>
      </c>
      <c r="O47" s="93">
        <v>6.2406025849585253E-2</v>
      </c>
      <c r="P47" s="213">
        <v>230</v>
      </c>
      <c r="Q47" s="217">
        <v>0.40026305929673939</v>
      </c>
      <c r="R47" s="93">
        <v>6.4103244710315921E-2</v>
      </c>
      <c r="S47" s="217">
        <v>0.18017426423986854</v>
      </c>
      <c r="T47" s="93">
        <v>5.0835523663430658E-2</v>
      </c>
      <c r="U47" s="217">
        <v>0.41956267646339052</v>
      </c>
      <c r="V47" s="93">
        <v>6.4549609692493404E-2</v>
      </c>
      <c r="W47" s="213">
        <v>252</v>
      </c>
      <c r="X47" s="217">
        <v>0.6971165393803781</v>
      </c>
      <c r="Y47" s="93">
        <v>5.7601784966012294E-2</v>
      </c>
      <c r="Z47" s="217">
        <v>0.10868452069651148</v>
      </c>
      <c r="AA47" s="93">
        <v>3.9847375781169647E-2</v>
      </c>
      <c r="AB47" s="217">
        <v>0.1941989399231106</v>
      </c>
      <c r="AC47" s="93">
        <v>4.9903845438284265E-2</v>
      </c>
      <c r="AD47" s="213">
        <v>259</v>
      </c>
      <c r="AE47" s="217">
        <v>0.5452336169955162</v>
      </c>
      <c r="AF47" s="93">
        <v>6.141743783014747E-2</v>
      </c>
      <c r="AG47" s="217">
        <v>0.1727998620564706</v>
      </c>
      <c r="AH47" s="93">
        <v>4.7150254239325243E-2</v>
      </c>
      <c r="AI47" s="217">
        <v>0.28196652094801294</v>
      </c>
      <c r="AJ47" s="93">
        <v>5.5687401078522825E-2</v>
      </c>
      <c r="AK47" s="213">
        <v>215</v>
      </c>
      <c r="AL47" s="217">
        <v>0.56804932537347286</v>
      </c>
      <c r="AM47" s="93">
        <v>6.6967845193785375E-2</v>
      </c>
      <c r="AN47" s="217">
        <v>0.16626667239857504</v>
      </c>
      <c r="AO47" s="93">
        <v>5.1044525322876913E-2</v>
      </c>
      <c r="AP47" s="217">
        <v>0.26568400222795047</v>
      </c>
      <c r="AQ47" s="93">
        <v>5.9997461448010249E-2</v>
      </c>
      <c r="AR47" s="213">
        <v>272</v>
      </c>
      <c r="AS47" s="217">
        <v>0.7371808480473383</v>
      </c>
      <c r="AT47" s="93">
        <v>5.3210547360176948E-2</v>
      </c>
      <c r="AU47" s="217">
        <v>0.11619090705517912</v>
      </c>
      <c r="AV47" s="93">
        <v>3.9366261868565018E-2</v>
      </c>
      <c r="AW47" s="217">
        <v>0.14662824489748252</v>
      </c>
      <c r="AX47" s="93">
        <v>4.319179358204376E-2</v>
      </c>
      <c r="AY47" s="213">
        <v>239</v>
      </c>
      <c r="AZ47" s="217">
        <v>0.42596194058031356</v>
      </c>
      <c r="BA47" s="93">
        <v>6.346605272175708E-2</v>
      </c>
      <c r="BB47" s="217">
        <v>0.16850629958084823</v>
      </c>
      <c r="BC47" s="93">
        <v>4.8635685302938846E-2</v>
      </c>
      <c r="BD47" s="217">
        <v>0.40553175983883705</v>
      </c>
      <c r="BE47" s="93">
        <v>6.3032702452320899E-2</v>
      </c>
      <c r="BF47" s="213">
        <v>264</v>
      </c>
      <c r="BG47" s="217">
        <v>0.43027298855961144</v>
      </c>
      <c r="BH47" s="93">
        <v>6.0505604877812071E-2</v>
      </c>
      <c r="BI47" s="217">
        <v>0.20141158105606394</v>
      </c>
      <c r="BJ47" s="93">
        <v>4.9397329054455895E-2</v>
      </c>
      <c r="BK47" s="217">
        <v>0.36831543038432385</v>
      </c>
      <c r="BL47" s="93">
        <v>5.8993162740531055E-2</v>
      </c>
      <c r="BM47" s="213">
        <v>265</v>
      </c>
      <c r="BN47" s="217">
        <v>0.5607077676087322</v>
      </c>
      <c r="BO47" s="93">
        <v>6.0533361229178774E-2</v>
      </c>
      <c r="BP47" s="217">
        <v>0.14724509861270194</v>
      </c>
      <c r="BQ47" s="93">
        <v>4.3837680410015165E-2</v>
      </c>
      <c r="BR47" s="217">
        <v>0.29204713377856562</v>
      </c>
      <c r="BS47" s="93">
        <v>5.5618472253863002E-2</v>
      </c>
      <c r="BT47" s="213">
        <v>201</v>
      </c>
      <c r="BU47" s="217">
        <v>0.59972316999880693</v>
      </c>
      <c r="BV47" s="93">
        <v>6.8494555870761226E-2</v>
      </c>
      <c r="BW47" s="217">
        <v>0.13973767809520304</v>
      </c>
      <c r="BX47" s="93">
        <v>4.9431219460564071E-2</v>
      </c>
      <c r="BY47" s="217">
        <v>0.26053915190598914</v>
      </c>
      <c r="BZ47" s="93">
        <v>6.1663823102605653E-2</v>
      </c>
    </row>
    <row r="48" spans="1:78">
      <c r="A48" s="48" t="s">
        <v>354</v>
      </c>
      <c r="B48" s="214">
        <v>44</v>
      </c>
      <c r="C48" s="218">
        <v>0.34913289459975572</v>
      </c>
      <c r="D48" s="96">
        <v>0.13870668555120511</v>
      </c>
      <c r="E48" s="218">
        <v>0.13378878721441448</v>
      </c>
      <c r="F48" s="96">
        <v>0.10696954358223547</v>
      </c>
      <c r="G48" s="218">
        <v>0.51707831818582906</v>
      </c>
      <c r="H48" s="96">
        <v>0.14426680059907501</v>
      </c>
      <c r="I48" s="214">
        <v>45</v>
      </c>
      <c r="J48" s="218">
        <v>0.22207383460536995</v>
      </c>
      <c r="K48" s="96">
        <v>0.12284166097639514</v>
      </c>
      <c r="L48" s="218">
        <v>0.27762704628698354</v>
      </c>
      <c r="M48" s="96">
        <v>0.13039787380406279</v>
      </c>
      <c r="N48" s="218">
        <v>0.50029911910764557</v>
      </c>
      <c r="O48" s="96">
        <v>0.14285712129692379</v>
      </c>
      <c r="P48" s="214">
        <v>44</v>
      </c>
      <c r="Q48" s="218">
        <v>0.19156086218114315</v>
      </c>
      <c r="R48" s="96">
        <v>0.11904495797585331</v>
      </c>
      <c r="S48" s="218">
        <v>0.19660608023096537</v>
      </c>
      <c r="T48" s="96">
        <v>0.11994937122341115</v>
      </c>
      <c r="U48" s="218">
        <v>0.61183305758789075</v>
      </c>
      <c r="V48" s="96">
        <v>0.14127129763006779</v>
      </c>
      <c r="W48" s="214">
        <v>40</v>
      </c>
      <c r="X48" s="218">
        <v>0.59394620647874874</v>
      </c>
      <c r="Y48" s="96">
        <v>0.14854013117712206</v>
      </c>
      <c r="Z48" s="218">
        <v>0.21652569469463465</v>
      </c>
      <c r="AA48" s="96">
        <v>0.12918932293112304</v>
      </c>
      <c r="AB48" s="218">
        <v>0.18952809882661634</v>
      </c>
      <c r="AC48" s="96">
        <v>0.12443929799981014</v>
      </c>
      <c r="AD48" s="214">
        <v>47</v>
      </c>
      <c r="AE48" s="218">
        <v>0.31898179407740673</v>
      </c>
      <c r="AF48" s="96">
        <v>0.1320044129366526</v>
      </c>
      <c r="AG48" s="218">
        <v>0.36352150797078409</v>
      </c>
      <c r="AH48" s="96">
        <v>0.13552536158596293</v>
      </c>
      <c r="AI48" s="218">
        <v>0.31749669795180852</v>
      </c>
      <c r="AJ48" s="96">
        <v>0.13186813183053225</v>
      </c>
      <c r="AK48" s="214">
        <v>41</v>
      </c>
      <c r="AL48" s="218">
        <v>0.25735337895909266</v>
      </c>
      <c r="AM48" s="96">
        <v>0.13370764244564426</v>
      </c>
      <c r="AN48" s="218">
        <v>0.26192800030964614</v>
      </c>
      <c r="AO48" s="96">
        <v>0.13431307795726929</v>
      </c>
      <c r="AP48" s="218">
        <v>0.48071862073126043</v>
      </c>
      <c r="AQ48" s="96">
        <v>0.14897915847839602</v>
      </c>
      <c r="AR48" s="214">
        <v>50</v>
      </c>
      <c r="AS48" s="218">
        <v>0.56101469999211528</v>
      </c>
      <c r="AT48" s="96">
        <v>0.13521130363490441</v>
      </c>
      <c r="AU48" s="218">
        <v>0.15807574136680916</v>
      </c>
      <c r="AV48" s="96">
        <v>0.10532722680523617</v>
      </c>
      <c r="AW48" s="218">
        <v>0.2809095586410752</v>
      </c>
      <c r="AX48" s="96">
        <v>0.12437911096317258</v>
      </c>
      <c r="AY48" s="214">
        <v>41</v>
      </c>
      <c r="AZ48" s="218">
        <v>0.14681585663285776</v>
      </c>
      <c r="BA48" s="96">
        <v>0.11409594311380081</v>
      </c>
      <c r="BB48" s="218">
        <v>0.2198154588254877</v>
      </c>
      <c r="BC48" s="96">
        <v>0.12817782967289884</v>
      </c>
      <c r="BD48" s="218">
        <v>0.63336868454165351</v>
      </c>
      <c r="BE48" s="96">
        <v>0.1446019588172387</v>
      </c>
      <c r="BF48" s="214">
        <v>49</v>
      </c>
      <c r="BG48" s="218">
        <v>0.19197375604903225</v>
      </c>
      <c r="BH48" s="96">
        <v>0.11290367656297436</v>
      </c>
      <c r="BI48" s="218">
        <v>0.37862534419294874</v>
      </c>
      <c r="BJ48" s="96">
        <v>0.13385656921942404</v>
      </c>
      <c r="BK48" s="218">
        <v>0.42940089975801826</v>
      </c>
      <c r="BL48" s="96">
        <v>0.13618514423663527</v>
      </c>
      <c r="BM48" s="214">
        <v>52</v>
      </c>
      <c r="BN48" s="218">
        <v>0.59334574715174893</v>
      </c>
      <c r="BO48" s="96">
        <v>0.13160734095959839</v>
      </c>
      <c r="BP48" s="218">
        <v>0.18687162970639221</v>
      </c>
      <c r="BQ48" s="96">
        <v>0.10871240747696755</v>
      </c>
      <c r="BR48" s="218">
        <v>0.21978262314185831</v>
      </c>
      <c r="BS48" s="96">
        <v>0.11410990857438288</v>
      </c>
      <c r="BT48" s="214">
        <v>39</v>
      </c>
      <c r="BU48" s="218">
        <v>0.39465457032427742</v>
      </c>
      <c r="BV48" s="96">
        <v>0.14968835521231294</v>
      </c>
      <c r="BW48" s="218">
        <v>0.20385224043678118</v>
      </c>
      <c r="BX48" s="96">
        <v>0.12862583448827508</v>
      </c>
      <c r="BY48" s="218">
        <v>0.40149318923894101</v>
      </c>
      <c r="BZ48" s="96">
        <v>0.15004425991607795</v>
      </c>
    </row>
    <row r="49" spans="1:78">
      <c r="A49" s="44" t="s">
        <v>355</v>
      </c>
      <c r="B49" s="213">
        <v>41</v>
      </c>
      <c r="C49" s="217">
        <v>0.38185646595661615</v>
      </c>
      <c r="D49" s="93">
        <v>0.14557570745302112</v>
      </c>
      <c r="E49" s="217">
        <v>0.17402525812186989</v>
      </c>
      <c r="F49" s="93">
        <v>0.11992274168348024</v>
      </c>
      <c r="G49" s="217">
        <v>0.44411827592151409</v>
      </c>
      <c r="H49" s="93">
        <v>0.1482963153185263</v>
      </c>
      <c r="I49" s="213">
        <v>41</v>
      </c>
      <c r="J49" s="217">
        <v>0.3076581143820824</v>
      </c>
      <c r="K49" s="93">
        <v>0.13961510579437431</v>
      </c>
      <c r="L49" s="217">
        <v>0.15373279104006177</v>
      </c>
      <c r="M49" s="93">
        <v>0.11564981011047479</v>
      </c>
      <c r="N49" s="217">
        <v>0.538609094577856</v>
      </c>
      <c r="O49" s="93">
        <v>0.14870180940535863</v>
      </c>
      <c r="P49" s="213">
        <v>40</v>
      </c>
      <c r="Q49" s="217">
        <v>0.51538417660868308</v>
      </c>
      <c r="R49" s="93">
        <v>0.15069668590501678</v>
      </c>
      <c r="S49" s="217">
        <v>3.5337536529660415E-2</v>
      </c>
      <c r="T49" s="93">
        <v>8.0656954633214262E-2</v>
      </c>
      <c r="U49" s="217">
        <v>0.44927828686165688</v>
      </c>
      <c r="V49" s="93">
        <v>0.15011323244702926</v>
      </c>
      <c r="W49" s="213">
        <v>38</v>
      </c>
      <c r="X49" s="217">
        <v>0.51292073444441466</v>
      </c>
      <c r="Y49" s="93">
        <v>0.15426116985021596</v>
      </c>
      <c r="Z49" s="217">
        <v>7.4650353091023997E-2</v>
      </c>
      <c r="AA49" s="93">
        <v>9.8511809188257402E-2</v>
      </c>
      <c r="AB49" s="217">
        <v>0.4124289124645617</v>
      </c>
      <c r="AC49" s="93">
        <v>0.15235373975456862</v>
      </c>
      <c r="AD49" s="213">
        <v>41</v>
      </c>
      <c r="AE49" s="217">
        <v>0.52279314871651306</v>
      </c>
      <c r="AF49" s="93">
        <v>0.14894256250998347</v>
      </c>
      <c r="AG49" s="217">
        <v>0.19650199749384936</v>
      </c>
      <c r="AH49" s="93">
        <v>0.12419929043312669</v>
      </c>
      <c r="AI49" s="217">
        <v>0.28070485378963794</v>
      </c>
      <c r="AJ49" s="93">
        <v>0.13665172704122919</v>
      </c>
      <c r="AK49" s="213">
        <v>31</v>
      </c>
      <c r="AL49" s="217">
        <v>0.50348339184975732</v>
      </c>
      <c r="AM49" s="93">
        <v>0.16902763290102579</v>
      </c>
      <c r="AN49" s="217">
        <v>0.18286237359947172</v>
      </c>
      <c r="AO49" s="93">
        <v>0.13983620592824861</v>
      </c>
      <c r="AP49" s="217">
        <v>0.31365423455077102</v>
      </c>
      <c r="AQ49" s="93">
        <v>0.15955609579798988</v>
      </c>
      <c r="AR49" s="213">
        <v>45</v>
      </c>
      <c r="AS49" s="217">
        <v>0.62008032669252777</v>
      </c>
      <c r="AT49" s="93">
        <v>0.13933919722457999</v>
      </c>
      <c r="AU49" s="217">
        <v>0.22103404617626482</v>
      </c>
      <c r="AV49" s="93">
        <v>0.12267928406212469</v>
      </c>
      <c r="AW49" s="217">
        <v>0.15888562713120774</v>
      </c>
      <c r="AX49" s="93">
        <v>0.11134171384132265</v>
      </c>
      <c r="AY49" s="213">
        <v>39</v>
      </c>
      <c r="AZ49" s="217">
        <v>0.46333313276921845</v>
      </c>
      <c r="BA49" s="93">
        <v>0.15216088142560347</v>
      </c>
      <c r="BB49" s="217">
        <v>0.1252026913584966</v>
      </c>
      <c r="BC49" s="93">
        <v>0.11183290458307497</v>
      </c>
      <c r="BD49" s="217">
        <v>0.41146417587228512</v>
      </c>
      <c r="BE49" s="93">
        <v>0.15051907726669919</v>
      </c>
      <c r="BF49" s="213">
        <v>43</v>
      </c>
      <c r="BG49" s="217">
        <v>0.35767751176172119</v>
      </c>
      <c r="BH49" s="93">
        <v>0.14083198758817791</v>
      </c>
      <c r="BI49" s="217">
        <v>0.20687115458444374</v>
      </c>
      <c r="BJ49" s="93">
        <v>0.1231081761347798</v>
      </c>
      <c r="BK49" s="217">
        <v>0.43545133365383554</v>
      </c>
      <c r="BL49" s="93">
        <v>0.14484400640320169</v>
      </c>
      <c r="BM49" s="213">
        <v>41</v>
      </c>
      <c r="BN49" s="217">
        <v>0.42838615129836094</v>
      </c>
      <c r="BO49" s="93">
        <v>0.14779645940310032</v>
      </c>
      <c r="BP49" s="217">
        <v>0.17758704349843182</v>
      </c>
      <c r="BQ49" s="93">
        <v>0.12063114453236186</v>
      </c>
      <c r="BR49" s="217">
        <v>0.39402680520320749</v>
      </c>
      <c r="BS49" s="93">
        <v>0.14626534474886432</v>
      </c>
      <c r="BT49" s="213">
        <v>30</v>
      </c>
      <c r="BU49" s="217">
        <v>0.37154461398390581</v>
      </c>
      <c r="BV49" s="93">
        <v>0.16703411667997986</v>
      </c>
      <c r="BW49" s="217">
        <v>0.24684176599388635</v>
      </c>
      <c r="BX49" s="93">
        <v>0.15343274001751728</v>
      </c>
      <c r="BY49" s="217">
        <v>0.38161362002220789</v>
      </c>
      <c r="BZ49" s="93">
        <v>0.16771418510800432</v>
      </c>
    </row>
    <row r="50" spans="1:78">
      <c r="A50" s="48" t="s">
        <v>356</v>
      </c>
      <c r="B50" s="214">
        <v>38</v>
      </c>
      <c r="C50" s="218">
        <v>0.65469254463806725</v>
      </c>
      <c r="D50" s="96">
        <v>0.14813482289510518</v>
      </c>
      <c r="E50" s="218">
        <v>3.5426835172482428E-2</v>
      </c>
      <c r="F50" s="96">
        <v>8.3565934663813249E-2</v>
      </c>
      <c r="G50" s="218">
        <v>0.30988062018945051</v>
      </c>
      <c r="H50" s="96">
        <v>0.14488471811254341</v>
      </c>
      <c r="I50" s="214">
        <v>37</v>
      </c>
      <c r="J50" s="218">
        <v>0.43024678217987583</v>
      </c>
      <c r="K50" s="96">
        <v>0.15493115577119726</v>
      </c>
      <c r="L50" s="218">
        <v>0.23146708724143802</v>
      </c>
      <c r="M50" s="96">
        <v>0.13660480705394029</v>
      </c>
      <c r="N50" s="218">
        <v>0.33828613057868639</v>
      </c>
      <c r="O50" s="96">
        <v>0.14937346200660351</v>
      </c>
      <c r="P50" s="214">
        <v>36</v>
      </c>
      <c r="Q50" s="218">
        <v>0.3917973043590402</v>
      </c>
      <c r="R50" s="96">
        <v>0.15508599649593904</v>
      </c>
      <c r="S50" s="218">
        <v>0.1717676822657048</v>
      </c>
      <c r="T50" s="96">
        <v>0.12756703019658561</v>
      </c>
      <c r="U50" s="218">
        <v>0.43643501337525542</v>
      </c>
      <c r="V50" s="96">
        <v>0.15707551970471745</v>
      </c>
      <c r="W50" s="214">
        <v>37</v>
      </c>
      <c r="X50" s="218">
        <v>0.86321727575324769</v>
      </c>
      <c r="Y50" s="96">
        <v>0.11793314558695189</v>
      </c>
      <c r="Z50" s="218">
        <v>3.6056869892892099E-2</v>
      </c>
      <c r="AA50" s="96">
        <v>8.5372489214076516E-2</v>
      </c>
      <c r="AB50" s="218">
        <v>0.10072585435386001</v>
      </c>
      <c r="AC50" s="96">
        <v>0.10827655940840585</v>
      </c>
      <c r="AD50" s="214">
        <v>35</v>
      </c>
      <c r="AE50" s="218">
        <v>0.49897748394559921</v>
      </c>
      <c r="AF50" s="96">
        <v>0.16012788412728279</v>
      </c>
      <c r="AG50" s="218">
        <v>0.25364084259081854</v>
      </c>
      <c r="AH50" s="96">
        <v>0.14362291290880894</v>
      </c>
      <c r="AI50" s="218">
        <v>0.24738167346358239</v>
      </c>
      <c r="AJ50" s="96">
        <v>0.14272194253700868</v>
      </c>
      <c r="AK50" s="214">
        <v>30</v>
      </c>
      <c r="AL50" s="218">
        <v>0.46454952018362172</v>
      </c>
      <c r="AM50" s="96">
        <v>0.17116265807502204</v>
      </c>
      <c r="AN50" s="218">
        <v>0.25989213765386099</v>
      </c>
      <c r="AO50" s="96">
        <v>0.15534227554764171</v>
      </c>
      <c r="AP50" s="218">
        <v>0.27555834216251773</v>
      </c>
      <c r="AQ50" s="96">
        <v>0.15747322570199249</v>
      </c>
      <c r="AR50" s="214">
        <v>36</v>
      </c>
      <c r="AS50" s="218">
        <v>0.86306720243143686</v>
      </c>
      <c r="AT50" s="96">
        <v>0.11967772862152511</v>
      </c>
      <c r="AU50" s="218">
        <v>3.6275764162685284E-2</v>
      </c>
      <c r="AV50" s="96">
        <v>8.7073224821784229E-2</v>
      </c>
      <c r="AW50" s="218">
        <v>0.10065703340587778</v>
      </c>
      <c r="AX50" s="96">
        <v>0.10992061134098677</v>
      </c>
      <c r="AY50" s="214">
        <v>33</v>
      </c>
      <c r="AZ50" s="218">
        <v>0.40732832632336846</v>
      </c>
      <c r="BA50" s="96">
        <v>0.16213723339381472</v>
      </c>
      <c r="BB50" s="218">
        <v>0.10987262525011773</v>
      </c>
      <c r="BC50" s="96">
        <v>0.11806081518982212</v>
      </c>
      <c r="BD50" s="218">
        <v>0.48279904842651411</v>
      </c>
      <c r="BE50" s="96">
        <v>0.16432158377620043</v>
      </c>
      <c r="BF50" s="214">
        <v>35</v>
      </c>
      <c r="BG50" s="218">
        <v>0.52858302230739829</v>
      </c>
      <c r="BH50" s="96">
        <v>0.15991728763518689</v>
      </c>
      <c r="BI50" s="218">
        <v>0.13666969269514528</v>
      </c>
      <c r="BJ50" s="96">
        <v>0.1213941176738798</v>
      </c>
      <c r="BK50" s="218">
        <v>0.33474728499745671</v>
      </c>
      <c r="BL50" s="96">
        <v>0.15292230541189852</v>
      </c>
      <c r="BM50" s="214">
        <v>38</v>
      </c>
      <c r="BN50" s="218">
        <v>0.67338853833214851</v>
      </c>
      <c r="BO50" s="96">
        <v>0.14651186409963554</v>
      </c>
      <c r="BP50" s="218">
        <v>0.12067699343974823</v>
      </c>
      <c r="BQ50" s="96">
        <v>0.1122140026560355</v>
      </c>
      <c r="BR50" s="218">
        <v>0.20593446822810318</v>
      </c>
      <c r="BS50" s="96">
        <v>0.13064399239314536</v>
      </c>
      <c r="BT50" s="214">
        <v>28</v>
      </c>
      <c r="BU50" s="218">
        <v>0.75327291099717575</v>
      </c>
      <c r="BV50" s="96">
        <v>0.15846424081040122</v>
      </c>
      <c r="BW50" s="218">
        <v>0.11918384571918458</v>
      </c>
      <c r="BX50" s="96">
        <v>0.13179925086995867</v>
      </c>
      <c r="BY50" s="218">
        <v>0.12754324328363978</v>
      </c>
      <c r="BZ50" s="96">
        <v>0.13406594003774211</v>
      </c>
    </row>
    <row r="51" spans="1:78">
      <c r="A51" s="44" t="s">
        <v>357</v>
      </c>
      <c r="B51" s="213">
        <v>31</v>
      </c>
      <c r="C51" s="217">
        <v>0.20977931503824426</v>
      </c>
      <c r="D51" s="93">
        <v>0.14498234666875048</v>
      </c>
      <c r="E51" s="217">
        <v>0.16195202206567288</v>
      </c>
      <c r="F51" s="93">
        <v>0.13537305177119605</v>
      </c>
      <c r="G51" s="217">
        <v>0.6282686628960833</v>
      </c>
      <c r="H51" s="93">
        <v>0.16460963594584677</v>
      </c>
      <c r="I51" s="213">
        <v>32</v>
      </c>
      <c r="J51" s="217">
        <v>0.25033835652634923</v>
      </c>
      <c r="K51" s="93">
        <v>0.14935076728863531</v>
      </c>
      <c r="L51" s="217">
        <v>0.14770563531533054</v>
      </c>
      <c r="M51" s="93">
        <v>0.12993021002656094</v>
      </c>
      <c r="N51" s="217">
        <v>0.60195600815832062</v>
      </c>
      <c r="O51" s="93">
        <v>0.16390601807797306</v>
      </c>
      <c r="P51" s="213">
        <v>30</v>
      </c>
      <c r="Q51" s="217">
        <v>0.34915098004201972</v>
      </c>
      <c r="R51" s="93">
        <v>0.16531034530421421</v>
      </c>
      <c r="S51" s="217">
        <v>0.19760390190229593</v>
      </c>
      <c r="T51" s="93">
        <v>0.14503834844206792</v>
      </c>
      <c r="U51" s="217">
        <v>0.45324511805568463</v>
      </c>
      <c r="V51" s="93">
        <v>0.17091383522445239</v>
      </c>
      <c r="W51" s="213">
        <v>33</v>
      </c>
      <c r="X51" s="217">
        <v>0.58432210594611067</v>
      </c>
      <c r="Y51" s="93">
        <v>0.1625286759198494</v>
      </c>
      <c r="Z51" s="217">
        <v>0.18045898783731257</v>
      </c>
      <c r="AA51" s="93">
        <v>0.13507845904076229</v>
      </c>
      <c r="AB51" s="217">
        <v>0.23521890621657687</v>
      </c>
      <c r="AC51" s="93">
        <v>0.14490641579902711</v>
      </c>
      <c r="AD51" s="213">
        <v>34</v>
      </c>
      <c r="AE51" s="217">
        <v>0.46127865964490361</v>
      </c>
      <c r="AF51" s="93">
        <v>0.16183152239301407</v>
      </c>
      <c r="AG51" s="217">
        <v>0.13760170906162569</v>
      </c>
      <c r="AH51" s="93">
        <v>0.12348501830303479</v>
      </c>
      <c r="AI51" s="217">
        <v>0.40111963129347095</v>
      </c>
      <c r="AJ51" s="93">
        <v>0.15966172178958199</v>
      </c>
      <c r="AK51" s="213">
        <v>28</v>
      </c>
      <c r="AL51" s="217">
        <v>0.40807604343355275</v>
      </c>
      <c r="AM51" s="93">
        <v>0.17447437426144982</v>
      </c>
      <c r="AN51" s="217">
        <v>0.15670213870910632</v>
      </c>
      <c r="AO51" s="93">
        <v>0.14131899824193883</v>
      </c>
      <c r="AP51" s="217">
        <v>0.43522181785734171</v>
      </c>
      <c r="AQ51" s="93">
        <v>0.17563715243095734</v>
      </c>
      <c r="AR51" s="213">
        <v>34</v>
      </c>
      <c r="AS51" s="217">
        <v>0.68555483356314395</v>
      </c>
      <c r="AT51" s="93">
        <v>0.15301752492357557</v>
      </c>
      <c r="AU51" s="217">
        <v>0.14795203621833516</v>
      </c>
      <c r="AV51" s="93">
        <v>0.1259829233933262</v>
      </c>
      <c r="AW51" s="217">
        <v>0.16649313021852102</v>
      </c>
      <c r="AX51" s="93">
        <v>0.13016463774497614</v>
      </c>
      <c r="AY51" s="213">
        <v>31</v>
      </c>
      <c r="AZ51" s="217">
        <v>0.32742078987043682</v>
      </c>
      <c r="BA51" s="93">
        <v>0.16093834931333481</v>
      </c>
      <c r="BB51" s="217">
        <v>0.24123279447360121</v>
      </c>
      <c r="BC51" s="93">
        <v>0.15022657066805337</v>
      </c>
      <c r="BD51" s="217">
        <v>0.43134641565596227</v>
      </c>
      <c r="BE51" s="93">
        <v>0.16777619540239266</v>
      </c>
      <c r="BF51" s="213">
        <v>35</v>
      </c>
      <c r="BG51" s="217">
        <v>0.30881377836646995</v>
      </c>
      <c r="BH51" s="93">
        <v>0.15040499283349826</v>
      </c>
      <c r="BI51" s="217">
        <v>0.18574132544094785</v>
      </c>
      <c r="BJ51" s="93">
        <v>0.13222388257639994</v>
      </c>
      <c r="BK51" s="217">
        <v>0.5054448961925827</v>
      </c>
      <c r="BL51" s="93">
        <v>0.16012050675128789</v>
      </c>
      <c r="BM51" s="213">
        <v>31</v>
      </c>
      <c r="BN51" s="217">
        <v>0.38444534203711211</v>
      </c>
      <c r="BO51" s="93">
        <v>0.16545169435612087</v>
      </c>
      <c r="BP51" s="217">
        <v>0.22469220676582008</v>
      </c>
      <c r="BQ51" s="93">
        <v>0.1475669655271945</v>
      </c>
      <c r="BR51" s="217">
        <v>0.39086245119706808</v>
      </c>
      <c r="BS51" s="93">
        <v>0.16584190008716237</v>
      </c>
      <c r="BT51" s="213">
        <v>28</v>
      </c>
      <c r="BU51" s="217">
        <v>0.28829368668163907</v>
      </c>
      <c r="BV51" s="93">
        <v>0.16419691760293548</v>
      </c>
      <c r="BW51" s="217">
        <v>0.24542373439931786</v>
      </c>
      <c r="BX51" s="93">
        <v>0.15826423788541935</v>
      </c>
      <c r="BY51" s="217">
        <v>0.46628257891904357</v>
      </c>
      <c r="BZ51" s="93">
        <v>0.17646868990318407</v>
      </c>
    </row>
    <row r="52" spans="1:78">
      <c r="A52" s="48" t="s">
        <v>358</v>
      </c>
      <c r="B52" s="214">
        <v>72</v>
      </c>
      <c r="C52" s="218">
        <v>0.62499707110984848</v>
      </c>
      <c r="D52" s="96">
        <v>0.11144437164620416</v>
      </c>
      <c r="E52" s="218">
        <v>3.1811327805591399E-2</v>
      </c>
      <c r="F52" s="96">
        <v>5.2947796573585781E-2</v>
      </c>
      <c r="G52" s="218">
        <v>0.34319160108456098</v>
      </c>
      <c r="H52" s="96">
        <v>0.10952801019505762</v>
      </c>
      <c r="I52" s="214">
        <v>70</v>
      </c>
      <c r="J52" s="218">
        <v>0.62822942300069973</v>
      </c>
      <c r="K52" s="96">
        <v>0.11277501406418594</v>
      </c>
      <c r="L52" s="218">
        <v>0.15419040252072888</v>
      </c>
      <c r="M52" s="96">
        <v>8.7917143455356034E-2</v>
      </c>
      <c r="N52" s="218">
        <v>0.21758017447857145</v>
      </c>
      <c r="O52" s="96">
        <v>9.8262967533914378E-2</v>
      </c>
      <c r="P52" s="214">
        <v>62</v>
      </c>
      <c r="Q52" s="218">
        <v>0.68243747613289985</v>
      </c>
      <c r="R52" s="96">
        <v>0.11563491912164721</v>
      </c>
      <c r="S52" s="218">
        <v>4.1242082961658585E-2</v>
      </c>
      <c r="T52" s="96">
        <v>6.2415178399075129E-2</v>
      </c>
      <c r="U52" s="218">
        <v>0.27632044090544172</v>
      </c>
      <c r="V52" s="96">
        <v>0.11169445104385528</v>
      </c>
      <c r="W52" s="214">
        <v>63</v>
      </c>
      <c r="X52" s="218">
        <v>0.58018834207496961</v>
      </c>
      <c r="Y52" s="96">
        <v>0.12077231383357803</v>
      </c>
      <c r="Z52" s="218">
        <v>0.18922096701945856</v>
      </c>
      <c r="AA52" s="96">
        <v>9.9131907842425301E-2</v>
      </c>
      <c r="AB52" s="218">
        <v>0.23059069090557174</v>
      </c>
      <c r="AC52" s="96">
        <v>0.10532858540073689</v>
      </c>
      <c r="AD52" s="214">
        <v>74</v>
      </c>
      <c r="AE52" s="218">
        <v>0.65115340761083584</v>
      </c>
      <c r="AF52" s="96">
        <v>0.10847092969979914</v>
      </c>
      <c r="AG52" s="218">
        <v>0.17275309112056472</v>
      </c>
      <c r="AH52" s="96">
        <v>8.875534617855102E-2</v>
      </c>
      <c r="AI52" s="218">
        <v>0.17609350126859963</v>
      </c>
      <c r="AJ52" s="96">
        <v>8.9319140935208832E-2</v>
      </c>
      <c r="AK52" s="214">
        <v>64</v>
      </c>
      <c r="AL52" s="218">
        <v>0.72569305700974018</v>
      </c>
      <c r="AM52" s="96">
        <v>0.10978026724706953</v>
      </c>
      <c r="AN52" s="218">
        <v>0.13418446523504135</v>
      </c>
      <c r="AO52" s="96">
        <v>8.7937007456126315E-2</v>
      </c>
      <c r="AP52" s="218">
        <v>0.14012247775521863</v>
      </c>
      <c r="AQ52" s="96">
        <v>8.920456238707207E-2</v>
      </c>
      <c r="AR52" s="214">
        <v>75</v>
      </c>
      <c r="AS52" s="218">
        <v>0.74761861797653528</v>
      </c>
      <c r="AT52" s="96">
        <v>9.9298027112281362E-2</v>
      </c>
      <c r="AU52" s="218">
        <v>0.1351024544583645</v>
      </c>
      <c r="AV52" s="96">
        <v>8.1128743318235802E-2</v>
      </c>
      <c r="AW52" s="218">
        <v>0.11727892756510039</v>
      </c>
      <c r="AX52" s="96">
        <v>7.7290186956990067E-2</v>
      </c>
      <c r="AY52" s="214">
        <v>58</v>
      </c>
      <c r="AZ52" s="218">
        <v>0.15692479249917132</v>
      </c>
      <c r="BA52" s="96">
        <v>9.7384064105805246E-2</v>
      </c>
      <c r="BB52" s="218">
        <v>0.22603868540509947</v>
      </c>
      <c r="BC52" s="96">
        <v>0.10904786926109258</v>
      </c>
      <c r="BD52" s="218">
        <v>0.61703652209572923</v>
      </c>
      <c r="BE52" s="96">
        <v>0.12391799167838151</v>
      </c>
      <c r="BF52" s="214">
        <v>73</v>
      </c>
      <c r="BG52" s="218">
        <v>0.4525680577593601</v>
      </c>
      <c r="BH52" s="96">
        <v>0.1134987576797486</v>
      </c>
      <c r="BI52" s="218">
        <v>0.23678422377763159</v>
      </c>
      <c r="BJ52" s="96">
        <v>9.8752918942431711E-2</v>
      </c>
      <c r="BK52" s="218">
        <v>0.31064771846300915</v>
      </c>
      <c r="BL52" s="96">
        <v>0.10636230114614512</v>
      </c>
      <c r="BM52" s="214">
        <v>76</v>
      </c>
      <c r="BN52" s="218">
        <v>0.93995610091224269</v>
      </c>
      <c r="BO52" s="96">
        <v>6.1364021590938005E-2</v>
      </c>
      <c r="BP52" s="218">
        <v>2.3161704121494368E-2</v>
      </c>
      <c r="BQ52" s="96">
        <v>4.732561606797827E-2</v>
      </c>
      <c r="BR52" s="218">
        <v>3.6882194966263014E-2</v>
      </c>
      <c r="BS52" s="96">
        <v>5.3119447258660392E-2</v>
      </c>
      <c r="BT52" s="214">
        <v>47</v>
      </c>
      <c r="BU52" s="218">
        <v>0.78325382698016166</v>
      </c>
      <c r="BV52" s="96">
        <v>0.11942977124187781</v>
      </c>
      <c r="BW52" s="218">
        <v>0.14493470417081616</v>
      </c>
      <c r="BX52" s="96">
        <v>0.10587784692254426</v>
      </c>
      <c r="BY52" s="218">
        <v>7.1811468849022411E-2</v>
      </c>
      <c r="BZ52" s="96">
        <v>8.5994437431756998E-2</v>
      </c>
    </row>
    <row r="53" spans="1:78">
      <c r="A53" s="44" t="s">
        <v>359</v>
      </c>
      <c r="B53" s="213">
        <v>73</v>
      </c>
      <c r="C53" s="217">
        <v>0.7159196746042058</v>
      </c>
      <c r="D53" s="93">
        <v>0.1039721875642272</v>
      </c>
      <c r="E53" s="217">
        <v>0.15302058097741961</v>
      </c>
      <c r="F53" s="93">
        <v>8.5823415092153396E-2</v>
      </c>
      <c r="G53" s="217">
        <v>0.13105974441837442</v>
      </c>
      <c r="H53" s="93">
        <v>8.1434470364771916E-2</v>
      </c>
      <c r="I53" s="213">
        <v>60</v>
      </c>
      <c r="J53" s="217">
        <v>0.50315386093898207</v>
      </c>
      <c r="K53" s="93">
        <v>0.12499781439619034</v>
      </c>
      <c r="L53" s="217">
        <v>0.22642886921411626</v>
      </c>
      <c r="M53" s="93">
        <v>0.10730261924667656</v>
      </c>
      <c r="N53" s="217">
        <v>0.27041726984690173</v>
      </c>
      <c r="O53" s="93">
        <v>0.11282575261219768</v>
      </c>
      <c r="P53" s="213">
        <v>54</v>
      </c>
      <c r="Q53" s="217">
        <v>0.49123102198468532</v>
      </c>
      <c r="R53" s="93">
        <v>0.13128892736275749</v>
      </c>
      <c r="S53" s="217">
        <v>0.29051798820130392</v>
      </c>
      <c r="T53" s="93">
        <v>0.12090502340916422</v>
      </c>
      <c r="U53" s="217">
        <v>0.21825098981401095</v>
      </c>
      <c r="V53" s="93">
        <v>0.11178465868763564</v>
      </c>
      <c r="W53" s="213">
        <v>75</v>
      </c>
      <c r="X53" s="217">
        <v>0.7980979436463429</v>
      </c>
      <c r="Y53" s="93">
        <v>9.2752159937204245E-2</v>
      </c>
      <c r="Z53" s="217">
        <v>5.2054481128443977E-2</v>
      </c>
      <c r="AA53" s="93">
        <v>5.9171455133371229E-2</v>
      </c>
      <c r="AB53" s="217">
        <v>0.14984757522521244</v>
      </c>
      <c r="AC53" s="93">
        <v>8.404182925623635E-2</v>
      </c>
      <c r="AD53" s="213">
        <v>70</v>
      </c>
      <c r="AE53" s="217">
        <v>0.71228235529856787</v>
      </c>
      <c r="AF53" s="93">
        <v>0.10646057368736461</v>
      </c>
      <c r="AG53" s="217">
        <v>8.5166641137349869E-2</v>
      </c>
      <c r="AH53" s="93">
        <v>7.2041445898272674E-2</v>
      </c>
      <c r="AI53" s="217">
        <v>0.20255100356408173</v>
      </c>
      <c r="AJ53" s="93">
        <v>9.6094138743848201E-2</v>
      </c>
      <c r="AK53" s="213">
        <v>57</v>
      </c>
      <c r="AL53" s="217">
        <v>0.85151893263297262</v>
      </c>
      <c r="AM53" s="93">
        <v>9.653282373863406E-2</v>
      </c>
      <c r="AN53" s="217">
        <v>7.031654051497889E-2</v>
      </c>
      <c r="AO53" s="93">
        <v>7.6304709055268163E-2</v>
      </c>
      <c r="AP53" s="217">
        <v>7.8164526852048624E-2</v>
      </c>
      <c r="AQ53" s="93">
        <v>7.8772032454363899E-2</v>
      </c>
      <c r="AR53" s="213">
        <v>74</v>
      </c>
      <c r="AS53" s="217">
        <v>0.81490631251599399</v>
      </c>
      <c r="AT53" s="93">
        <v>9.0792548297853382E-2</v>
      </c>
      <c r="AU53" s="217">
        <v>7.0568668733441683E-2</v>
      </c>
      <c r="AV53" s="93">
        <v>6.5639940237409738E-2</v>
      </c>
      <c r="AW53" s="217">
        <v>0.11452501875056387</v>
      </c>
      <c r="AX53" s="93">
        <v>7.7213777717587487E-2</v>
      </c>
      <c r="AY53" s="213">
        <v>69</v>
      </c>
      <c r="AZ53" s="217">
        <v>0.62576296028235545</v>
      </c>
      <c r="BA53" s="93">
        <v>0.11368533497842395</v>
      </c>
      <c r="BB53" s="217">
        <v>0.16665776065215801</v>
      </c>
      <c r="BC53" s="93">
        <v>9.0878977194677857E-2</v>
      </c>
      <c r="BD53" s="217">
        <v>0.20757927906548632</v>
      </c>
      <c r="BE53" s="93">
        <v>9.753238430134388E-2</v>
      </c>
      <c r="BF53" s="213">
        <v>70</v>
      </c>
      <c r="BG53" s="217">
        <v>0.56588801681905843</v>
      </c>
      <c r="BH53" s="93">
        <v>0.1153409533464438</v>
      </c>
      <c r="BI53" s="217">
        <v>0.20672284284293629</v>
      </c>
      <c r="BJ53" s="93">
        <v>9.6712372882318889E-2</v>
      </c>
      <c r="BK53" s="217">
        <v>0.22738914033800492</v>
      </c>
      <c r="BL53" s="93">
        <v>9.9593881677383214E-2</v>
      </c>
      <c r="BM53" s="213">
        <v>69</v>
      </c>
      <c r="BN53" s="217">
        <v>0.5847605255262226</v>
      </c>
      <c r="BO53" s="93">
        <v>0.11552889893122162</v>
      </c>
      <c r="BP53" s="217">
        <v>0.10602047094365394</v>
      </c>
      <c r="BQ53" s="93">
        <v>7.8102317527509527E-2</v>
      </c>
      <c r="BR53" s="217">
        <v>0.30921900353012299</v>
      </c>
      <c r="BS53" s="93">
        <v>0.1091642184706076</v>
      </c>
      <c r="BT53" s="213">
        <v>54</v>
      </c>
      <c r="BU53" s="217">
        <v>0.82910756507039318</v>
      </c>
      <c r="BV53" s="93">
        <v>0.10376120151474712</v>
      </c>
      <c r="BW53" s="217">
        <v>5.6873914876787363E-2</v>
      </c>
      <c r="BX53" s="93">
        <v>7.4180382053815108E-2</v>
      </c>
      <c r="BY53" s="217">
        <v>0.11401852005281932</v>
      </c>
      <c r="BZ53" s="93">
        <v>9.1296751619332706E-2</v>
      </c>
    </row>
    <row r="54" spans="1:78">
      <c r="A54" s="48" t="s">
        <v>371</v>
      </c>
      <c r="B54" s="214">
        <v>114</v>
      </c>
      <c r="C54" s="218">
        <v>0.37971986019952403</v>
      </c>
      <c r="D54" s="96">
        <v>8.9536830480074603E-2</v>
      </c>
      <c r="E54" s="218">
        <v>0.19362535871178893</v>
      </c>
      <c r="F54" s="96">
        <v>7.4194082688257987E-2</v>
      </c>
      <c r="G54" s="218">
        <v>0.42665478108868771</v>
      </c>
      <c r="H54" s="96">
        <v>9.1128333903156528E-2</v>
      </c>
      <c r="I54" s="214">
        <v>104</v>
      </c>
      <c r="J54" s="218">
        <v>0.25844846203948085</v>
      </c>
      <c r="K54" s="96">
        <v>8.5178424508968772E-2</v>
      </c>
      <c r="L54" s="218">
        <v>0.25893567435521503</v>
      </c>
      <c r="M54" s="96">
        <v>8.5225815398218885E-2</v>
      </c>
      <c r="N54" s="218">
        <v>0.48261586360530495</v>
      </c>
      <c r="O54" s="96">
        <v>9.6171098115220108E-2</v>
      </c>
      <c r="P54" s="214">
        <v>95</v>
      </c>
      <c r="Q54" s="218">
        <v>0.22763344289274695</v>
      </c>
      <c r="R54" s="96">
        <v>8.5679691157425575E-2</v>
      </c>
      <c r="S54" s="218">
        <v>0.29333397065683431</v>
      </c>
      <c r="T54" s="96">
        <v>9.2260239981373893E-2</v>
      </c>
      <c r="U54" s="218">
        <v>0.4790325864504188</v>
      </c>
      <c r="V54" s="96">
        <v>0.10042237581719324</v>
      </c>
      <c r="W54" s="214">
        <v>86</v>
      </c>
      <c r="X54" s="218">
        <v>0.21426631720490263</v>
      </c>
      <c r="Y54" s="96">
        <v>8.8305583577281049E-2</v>
      </c>
      <c r="Z54" s="218">
        <v>0.16118267143043269</v>
      </c>
      <c r="AA54" s="96">
        <v>8.0327178730473139E-2</v>
      </c>
      <c r="AB54" s="218">
        <v>0.62455101136466462</v>
      </c>
      <c r="AC54" s="96">
        <v>0.10237954048602747</v>
      </c>
      <c r="AD54" s="214">
        <v>114</v>
      </c>
      <c r="AE54" s="218">
        <v>0.47341668759480748</v>
      </c>
      <c r="AF54" s="96">
        <v>9.1935944072271514E-2</v>
      </c>
      <c r="AG54" s="218">
        <v>0.21503526655909538</v>
      </c>
      <c r="AH54" s="96">
        <v>7.6846138472750805E-2</v>
      </c>
      <c r="AI54" s="218">
        <v>0.31154804584609785</v>
      </c>
      <c r="AJ54" s="96">
        <v>8.5737634892799786E-2</v>
      </c>
      <c r="AK54" s="214">
        <v>99</v>
      </c>
      <c r="AL54" s="218">
        <v>0.51253387363440484</v>
      </c>
      <c r="AM54" s="96">
        <v>9.8504322879728559E-2</v>
      </c>
      <c r="AN54" s="218">
        <v>0.21880513791015005</v>
      </c>
      <c r="AO54" s="96">
        <v>8.2896965170619771E-2</v>
      </c>
      <c r="AP54" s="218">
        <v>0.2686609884554455</v>
      </c>
      <c r="AQ54" s="96">
        <v>8.8253444897847783E-2</v>
      </c>
      <c r="AR54" s="214">
        <v>112</v>
      </c>
      <c r="AS54" s="218">
        <v>0.7421946622007054</v>
      </c>
      <c r="AT54" s="96">
        <v>8.2067548762130835E-2</v>
      </c>
      <c r="AU54" s="218">
        <v>8.9466722509223204E-2</v>
      </c>
      <c r="AV54" s="96">
        <v>5.6594537174464034E-2</v>
      </c>
      <c r="AW54" s="218">
        <v>0.16833861529007241</v>
      </c>
      <c r="AX54" s="96">
        <v>7.1307030876395019E-2</v>
      </c>
      <c r="AY54" s="214">
        <v>87</v>
      </c>
      <c r="AZ54" s="218">
        <v>0.17730815316402829</v>
      </c>
      <c r="BA54" s="96">
        <v>8.2494906140693477E-2</v>
      </c>
      <c r="BB54" s="218">
        <v>0.16477620666820875</v>
      </c>
      <c r="BC54" s="96">
        <v>8.0462128148762316E-2</v>
      </c>
      <c r="BD54" s="218">
        <v>0.65791564016776305</v>
      </c>
      <c r="BE54" s="96">
        <v>9.9935531471420591E-2</v>
      </c>
      <c r="BF54" s="214">
        <v>114</v>
      </c>
      <c r="BG54" s="218">
        <v>0.40278997517442938</v>
      </c>
      <c r="BH54" s="96">
        <v>9.0418990060195145E-2</v>
      </c>
      <c r="BI54" s="218">
        <v>0.29808338546284668</v>
      </c>
      <c r="BJ54" s="96">
        <v>8.4762263997281304E-2</v>
      </c>
      <c r="BK54" s="218">
        <v>0.29912663936272471</v>
      </c>
      <c r="BL54" s="96">
        <v>8.4840653700971047E-2</v>
      </c>
      <c r="BM54" s="214">
        <v>112</v>
      </c>
      <c r="BN54" s="218">
        <v>0.64238783727652371</v>
      </c>
      <c r="BO54" s="96">
        <v>8.9269028446269452E-2</v>
      </c>
      <c r="BP54" s="218">
        <v>0.12531485149324464</v>
      </c>
      <c r="BQ54" s="96">
        <v>6.409209585394833E-2</v>
      </c>
      <c r="BR54" s="218">
        <v>0.23229731123023226</v>
      </c>
      <c r="BS54" s="96">
        <v>7.9479438212604836E-2</v>
      </c>
      <c r="BT54" s="214">
        <v>77</v>
      </c>
      <c r="BU54" s="218">
        <v>0.41672729532266412</v>
      </c>
      <c r="BV54" s="96">
        <v>0.10970974491479528</v>
      </c>
      <c r="BW54" s="218">
        <v>0.31536423004627179</v>
      </c>
      <c r="BX54" s="96">
        <v>0.10404022198697474</v>
      </c>
      <c r="BY54" s="218">
        <v>0.26790847463106432</v>
      </c>
      <c r="BZ54" s="96">
        <v>9.9708787834117837E-2</v>
      </c>
    </row>
    <row r="55" spans="1:78">
      <c r="A55" s="44" t="s">
        <v>360</v>
      </c>
      <c r="B55" s="213">
        <v>65</v>
      </c>
      <c r="C55" s="217">
        <v>0.49335357951547393</v>
      </c>
      <c r="D55" s="93">
        <v>0.12037641407166788</v>
      </c>
      <c r="E55" s="217">
        <v>0.18727552744084577</v>
      </c>
      <c r="F55" s="93">
        <v>9.7271018664759401E-2</v>
      </c>
      <c r="G55" s="217">
        <v>0.3193708930436801</v>
      </c>
      <c r="H55" s="93">
        <v>0.11320017017273191</v>
      </c>
      <c r="I55" s="213">
        <v>59</v>
      </c>
      <c r="J55" s="217">
        <v>0.33968318994129931</v>
      </c>
      <c r="K55" s="93">
        <v>0.12017410424720446</v>
      </c>
      <c r="L55" s="217">
        <v>0.27619478091378197</v>
      </c>
      <c r="M55" s="93">
        <v>0.11438442102521292</v>
      </c>
      <c r="N55" s="217">
        <v>0.38412202914491844</v>
      </c>
      <c r="O55" s="93">
        <v>0.12298490572765804</v>
      </c>
      <c r="P55" s="213">
        <v>54</v>
      </c>
      <c r="Q55" s="217">
        <v>0.35023120649879097</v>
      </c>
      <c r="R55" s="93">
        <v>0.12609698269985445</v>
      </c>
      <c r="S55" s="217">
        <v>0.24767573683256572</v>
      </c>
      <c r="T55" s="93">
        <v>0.11591060074107147</v>
      </c>
      <c r="U55" s="217">
        <v>0.40209305666864331</v>
      </c>
      <c r="V55" s="93">
        <v>0.12910589433724887</v>
      </c>
      <c r="W55" s="213">
        <v>46</v>
      </c>
      <c r="X55" s="217">
        <v>0.29835425957250111</v>
      </c>
      <c r="Y55" s="93">
        <v>0.131326928138598</v>
      </c>
      <c r="Z55" s="217">
        <v>0.12393477427036383</v>
      </c>
      <c r="AA55" s="93">
        <v>0.10209714365908235</v>
      </c>
      <c r="AB55" s="217">
        <v>0.57771096615713513</v>
      </c>
      <c r="AC55" s="93">
        <v>0.13996816645435511</v>
      </c>
      <c r="AD55" s="213">
        <v>66</v>
      </c>
      <c r="AE55" s="217">
        <v>0.58289005835941898</v>
      </c>
      <c r="AF55" s="93">
        <v>0.11805374877615367</v>
      </c>
      <c r="AG55" s="217">
        <v>0.20023006026838644</v>
      </c>
      <c r="AH55" s="93">
        <v>9.8594262659249088E-2</v>
      </c>
      <c r="AI55" s="217">
        <v>0.21687988137219436</v>
      </c>
      <c r="AJ55" s="93">
        <v>0.10106350520053491</v>
      </c>
      <c r="AK55" s="213">
        <v>56</v>
      </c>
      <c r="AL55" s="217">
        <v>0.5652418796922527</v>
      </c>
      <c r="AM55" s="93">
        <v>0.12813849618261855</v>
      </c>
      <c r="AN55" s="217">
        <v>0.23127281581376952</v>
      </c>
      <c r="AO55" s="93">
        <v>0.11168208489769732</v>
      </c>
      <c r="AP55" s="217">
        <v>0.2034853044939775</v>
      </c>
      <c r="AQ55" s="93">
        <v>0.10752087263810103</v>
      </c>
      <c r="AR55" s="213">
        <v>68</v>
      </c>
      <c r="AS55" s="217">
        <v>0.83523143409840106</v>
      </c>
      <c r="AT55" s="93">
        <v>9.1213946535359483E-2</v>
      </c>
      <c r="AU55" s="217">
        <v>8.6285122316856797E-2</v>
      </c>
      <c r="AV55" s="93">
        <v>7.3533630310004192E-2</v>
      </c>
      <c r="AW55" s="217">
        <v>7.8483443584742268E-2</v>
      </c>
      <c r="AX55" s="93">
        <v>7.1304203603116983E-2</v>
      </c>
      <c r="AY55" s="213">
        <v>48</v>
      </c>
      <c r="AZ55" s="217">
        <v>0.18799562459694757</v>
      </c>
      <c r="BA55" s="93">
        <v>0.11335908691327268</v>
      </c>
      <c r="BB55" s="217">
        <v>0.1616544758622338</v>
      </c>
      <c r="BC55" s="93">
        <v>0.10829336096225109</v>
      </c>
      <c r="BD55" s="217">
        <v>0.65034989954081879</v>
      </c>
      <c r="BE55" s="93">
        <v>0.13322590885466262</v>
      </c>
      <c r="BF55" s="213">
        <v>67</v>
      </c>
      <c r="BG55" s="217">
        <v>0.4514547716253518</v>
      </c>
      <c r="BH55" s="93">
        <v>0.11817900428454119</v>
      </c>
      <c r="BI55" s="217">
        <v>0.34380839724781104</v>
      </c>
      <c r="BJ55" s="93">
        <v>0.11340456705923342</v>
      </c>
      <c r="BK55" s="217">
        <v>0.20473683112683699</v>
      </c>
      <c r="BL55" s="93">
        <v>9.8543217031116376E-2</v>
      </c>
      <c r="BM55" s="213">
        <v>66</v>
      </c>
      <c r="BN55" s="217">
        <v>0.76059425048870155</v>
      </c>
      <c r="BO55" s="93">
        <v>0.10409609896729338</v>
      </c>
      <c r="BP55" s="217">
        <v>0.11375783844927642</v>
      </c>
      <c r="BQ55" s="93">
        <v>8.1898665961117029E-2</v>
      </c>
      <c r="BR55" s="217">
        <v>0.12564791106202169</v>
      </c>
      <c r="BS55" s="93">
        <v>8.4656906392105352E-2</v>
      </c>
      <c r="BT55" s="213">
        <v>38</v>
      </c>
      <c r="BU55" s="217">
        <v>0.472784725032459</v>
      </c>
      <c r="BV55" s="93">
        <v>0.15411612533576868</v>
      </c>
      <c r="BW55" s="217">
        <v>0.27864186777299832</v>
      </c>
      <c r="BX55" s="93">
        <v>0.14138409739523566</v>
      </c>
      <c r="BY55" s="217">
        <v>0.24857340719454268</v>
      </c>
      <c r="BZ55" s="93">
        <v>0.13740877572137447</v>
      </c>
    </row>
    <row r="56" spans="1:78">
      <c r="A56" s="48" t="s">
        <v>370</v>
      </c>
      <c r="B56" s="214">
        <v>182</v>
      </c>
      <c r="C56" s="218">
        <v>0.5015228703997191</v>
      </c>
      <c r="D56" s="96">
        <v>7.33232318860325E-2</v>
      </c>
      <c r="E56" s="218">
        <v>0.19843191767340979</v>
      </c>
      <c r="F56" s="96">
        <v>5.9192809119258914E-2</v>
      </c>
      <c r="G56" s="218">
        <v>0.30004521192687128</v>
      </c>
      <c r="H56" s="96">
        <v>6.7476677643022509E-2</v>
      </c>
      <c r="I56" s="214">
        <v>188</v>
      </c>
      <c r="J56" s="218">
        <v>0.56105288106408979</v>
      </c>
      <c r="K56" s="96">
        <v>7.1651098864906476E-2</v>
      </c>
      <c r="L56" s="218">
        <v>0.18987702115297062</v>
      </c>
      <c r="M56" s="96">
        <v>5.7334787845917071E-2</v>
      </c>
      <c r="N56" s="218">
        <v>0.24907009778293918</v>
      </c>
      <c r="O56" s="96">
        <v>6.2854068901646659E-2</v>
      </c>
      <c r="P56" s="214">
        <v>175</v>
      </c>
      <c r="Q56" s="218">
        <v>0.58107455364785732</v>
      </c>
      <c r="R56" s="96">
        <v>7.3798366925419315E-2</v>
      </c>
      <c r="S56" s="218">
        <v>0.16852904734699645</v>
      </c>
      <c r="T56" s="96">
        <v>5.6919558282726469E-2</v>
      </c>
      <c r="U56" s="218">
        <v>0.25039639900514621</v>
      </c>
      <c r="V56" s="96">
        <v>6.5237233822348473E-2</v>
      </c>
      <c r="W56" s="214">
        <v>154</v>
      </c>
      <c r="X56" s="218">
        <v>0.53645732637971022</v>
      </c>
      <c r="Y56" s="96">
        <v>7.9354565570545349E-2</v>
      </c>
      <c r="Z56" s="218">
        <v>9.5416770453836189E-2</v>
      </c>
      <c r="AA56" s="96">
        <v>4.8911047770256129E-2</v>
      </c>
      <c r="AB56" s="218">
        <v>0.36812590316645344</v>
      </c>
      <c r="AC56" s="96">
        <v>7.6882060281451545E-2</v>
      </c>
      <c r="AD56" s="214">
        <v>194</v>
      </c>
      <c r="AE56" s="218">
        <v>0.60061896346449151</v>
      </c>
      <c r="AF56" s="96">
        <v>6.9671777383183447E-2</v>
      </c>
      <c r="AG56" s="218">
        <v>0.1517399948082005</v>
      </c>
      <c r="AH56" s="96">
        <v>5.1945168263269816E-2</v>
      </c>
      <c r="AI56" s="218">
        <v>0.24764104172730775</v>
      </c>
      <c r="AJ56" s="96">
        <v>6.1768891196087541E-2</v>
      </c>
      <c r="AK56" s="214">
        <v>164</v>
      </c>
      <c r="AL56" s="218">
        <v>0.61413206078790028</v>
      </c>
      <c r="AM56" s="96">
        <v>7.521188799945315E-2</v>
      </c>
      <c r="AN56" s="218">
        <v>0.12982127897554074</v>
      </c>
      <c r="AO56" s="96">
        <v>5.3321883903708463E-2</v>
      </c>
      <c r="AP56" s="218">
        <v>0.25604666023655875</v>
      </c>
      <c r="AQ56" s="96">
        <v>6.7838567796067853E-2</v>
      </c>
      <c r="AR56" s="214">
        <v>195</v>
      </c>
      <c r="AS56" s="218">
        <v>0.70371304958948655</v>
      </c>
      <c r="AT56" s="96">
        <v>6.4993626026367907E-2</v>
      </c>
      <c r="AU56" s="218">
        <v>0.138626721128502</v>
      </c>
      <c r="AV56" s="96">
        <v>5.0046504201916094E-2</v>
      </c>
      <c r="AW56" s="218">
        <v>0.1576602292820114</v>
      </c>
      <c r="AX56" s="96">
        <v>5.2565833006898731E-2</v>
      </c>
      <c r="AY56" s="214">
        <v>153</v>
      </c>
      <c r="AZ56" s="218">
        <v>0.31709047078843317</v>
      </c>
      <c r="BA56" s="96">
        <v>7.4564920027397313E-2</v>
      </c>
      <c r="BB56" s="218">
        <v>0.22210344642453514</v>
      </c>
      <c r="BC56" s="96">
        <v>6.7088397764052898E-2</v>
      </c>
      <c r="BD56" s="218">
        <v>0.46080608278703145</v>
      </c>
      <c r="BE56" s="96">
        <v>7.957548442027304E-2</v>
      </c>
      <c r="BF56" s="214">
        <v>197</v>
      </c>
      <c r="BG56" s="218">
        <v>0.56319452023481309</v>
      </c>
      <c r="BH56" s="96">
        <v>6.9991302687583565E-2</v>
      </c>
      <c r="BI56" s="218">
        <v>0.16950485369054671</v>
      </c>
      <c r="BJ56" s="96">
        <v>5.3731791278239335E-2</v>
      </c>
      <c r="BK56" s="218">
        <v>0.26730062607464022</v>
      </c>
      <c r="BL56" s="96">
        <v>6.2769378214557414E-2</v>
      </c>
      <c r="BM56" s="214">
        <v>205</v>
      </c>
      <c r="BN56" s="218">
        <v>0.71483666584863825</v>
      </c>
      <c r="BO56" s="96">
        <v>6.272824223217531E-2</v>
      </c>
      <c r="BP56" s="218">
        <v>8.7962989161850483E-2</v>
      </c>
      <c r="BQ56" s="96">
        <v>4.0725915488538503E-2</v>
      </c>
      <c r="BR56" s="218">
        <v>0.19720034498951158</v>
      </c>
      <c r="BS56" s="96">
        <v>5.5645556166563248E-2</v>
      </c>
      <c r="BT56" s="214">
        <v>118</v>
      </c>
      <c r="BU56" s="218">
        <v>0.58607510188747269</v>
      </c>
      <c r="BV56" s="96">
        <v>8.9271907981894896E-2</v>
      </c>
      <c r="BW56" s="218">
        <v>0.18361924009257988</v>
      </c>
      <c r="BX56" s="96">
        <v>7.1599829736054874E-2</v>
      </c>
      <c r="BY56" s="218">
        <v>0.23030565801994712</v>
      </c>
      <c r="BZ56" s="96">
        <v>7.7238460626571512E-2</v>
      </c>
    </row>
    <row r="57" spans="1:78">
      <c r="A57" s="44" t="s">
        <v>361</v>
      </c>
      <c r="B57" s="213">
        <v>71</v>
      </c>
      <c r="C57" s="217">
        <v>0.46812614405767883</v>
      </c>
      <c r="D57" s="93">
        <v>0.11525959910517768</v>
      </c>
      <c r="E57" s="217">
        <v>0.25357922634782937</v>
      </c>
      <c r="F57" s="93">
        <v>0.10213225925553697</v>
      </c>
      <c r="G57" s="217">
        <v>0.2782946295944918</v>
      </c>
      <c r="H57" s="93">
        <v>0.10480456239070284</v>
      </c>
      <c r="I57" s="213">
        <v>74</v>
      </c>
      <c r="J57" s="217">
        <v>0.48197440900813854</v>
      </c>
      <c r="K57" s="93">
        <v>0.11316145690211185</v>
      </c>
      <c r="L57" s="217">
        <v>0.25297328519939472</v>
      </c>
      <c r="M57" s="93">
        <v>0.10001948783920271</v>
      </c>
      <c r="N57" s="217">
        <v>0.26505230579246669</v>
      </c>
      <c r="O57" s="93">
        <v>0.10135390993913662</v>
      </c>
      <c r="P57" s="213">
        <v>69</v>
      </c>
      <c r="Q57" s="217">
        <v>0.47997654900334619</v>
      </c>
      <c r="R57" s="93">
        <v>0.11695726794682383</v>
      </c>
      <c r="S57" s="217">
        <v>0.20860993116782647</v>
      </c>
      <c r="T57" s="93">
        <v>9.7683273848044122E-2</v>
      </c>
      <c r="U57" s="217">
        <v>0.31141351982882726</v>
      </c>
      <c r="V57" s="93">
        <v>0.10935073071382578</v>
      </c>
      <c r="W57" s="213">
        <v>60</v>
      </c>
      <c r="X57" s="217">
        <v>0.61892373510104914</v>
      </c>
      <c r="Y57" s="93">
        <v>0.12185282017393635</v>
      </c>
      <c r="Z57" s="217">
        <v>2.5612694099457923E-3</v>
      </c>
      <c r="AA57" s="93">
        <v>4.5082415833791384E-2</v>
      </c>
      <c r="AB57" s="217">
        <v>0.37851499548900508</v>
      </c>
      <c r="AC57" s="93">
        <v>0.12171394965839771</v>
      </c>
      <c r="AD57" s="213">
        <v>75</v>
      </c>
      <c r="AE57" s="217">
        <v>0.51831969156342472</v>
      </c>
      <c r="AF57" s="93">
        <v>0.11244070492096747</v>
      </c>
      <c r="AG57" s="217">
        <v>0.11756476310487926</v>
      </c>
      <c r="AH57" s="93">
        <v>7.7354727407412893E-2</v>
      </c>
      <c r="AI57" s="217">
        <v>0.36411554533169571</v>
      </c>
      <c r="AJ57" s="93">
        <v>0.10869954150109327</v>
      </c>
      <c r="AK57" s="213">
        <v>65</v>
      </c>
      <c r="AL57" s="217">
        <v>0.51393052525043526</v>
      </c>
      <c r="AM57" s="93">
        <v>0.12034438215566354</v>
      </c>
      <c r="AN57" s="217">
        <v>8.4880233474484812E-2</v>
      </c>
      <c r="AO57" s="93">
        <v>7.5017332226241462E-2</v>
      </c>
      <c r="AP57" s="217">
        <v>0.40118924127507982</v>
      </c>
      <c r="AQ57" s="93">
        <v>0.11828132267100823</v>
      </c>
      <c r="AR57" s="213">
        <v>73</v>
      </c>
      <c r="AS57" s="217">
        <v>0.66712106969673268</v>
      </c>
      <c r="AT57" s="93">
        <v>0.10808773225481055</v>
      </c>
      <c r="AU57" s="217">
        <v>8.6331743311226922E-2</v>
      </c>
      <c r="AV57" s="93">
        <v>7.0690705362693992E-2</v>
      </c>
      <c r="AW57" s="217">
        <v>0.24654718699204031</v>
      </c>
      <c r="AX57" s="93">
        <v>9.9938274472544456E-2</v>
      </c>
      <c r="AY57" s="213">
        <v>59</v>
      </c>
      <c r="AZ57" s="217">
        <v>0.32372872325940771</v>
      </c>
      <c r="BA57" s="93">
        <v>0.11892341814974206</v>
      </c>
      <c r="BB57" s="217">
        <v>0.26711574463591048</v>
      </c>
      <c r="BC57" s="93">
        <v>0.11337066127766764</v>
      </c>
      <c r="BD57" s="217">
        <v>0.40915553210468159</v>
      </c>
      <c r="BE57" s="93">
        <v>0.12415095216853347</v>
      </c>
      <c r="BF57" s="213">
        <v>78</v>
      </c>
      <c r="BG57" s="217">
        <v>0.53267672185019188</v>
      </c>
      <c r="BH57" s="93">
        <v>0.11021793567444835</v>
      </c>
      <c r="BI57" s="217">
        <v>0.15246891998036921</v>
      </c>
      <c r="BJ57" s="93">
        <v>8.2851014745058044E-2</v>
      </c>
      <c r="BK57" s="217">
        <v>0.31485435816943863</v>
      </c>
      <c r="BL57" s="93">
        <v>0.10335442388226884</v>
      </c>
      <c r="BM57" s="213">
        <v>82</v>
      </c>
      <c r="BN57" s="217">
        <v>0.72455564313200671</v>
      </c>
      <c r="BO57" s="93">
        <v>9.7445607091523168E-2</v>
      </c>
      <c r="BP57" s="217">
        <v>4.6402255025029572E-2</v>
      </c>
      <c r="BQ57" s="93">
        <v>5.4107386007993488E-2</v>
      </c>
      <c r="BR57" s="217">
        <v>0.2290421018429637</v>
      </c>
      <c r="BS57" s="93">
        <v>9.2322132682630939E-2</v>
      </c>
      <c r="BT57" s="213">
        <v>49</v>
      </c>
      <c r="BU57" s="217">
        <v>0.46563672034676878</v>
      </c>
      <c r="BV57" s="93">
        <v>0.137083001504827</v>
      </c>
      <c r="BW57" s="217">
        <v>0.19726531246681364</v>
      </c>
      <c r="BX57" s="93">
        <v>0.11382322828688594</v>
      </c>
      <c r="BY57" s="217">
        <v>0.33709796718641732</v>
      </c>
      <c r="BZ57" s="93">
        <v>0.13098102093947842</v>
      </c>
    </row>
    <row r="58" spans="1:78">
      <c r="A58" s="48" t="s">
        <v>375</v>
      </c>
      <c r="B58" s="214">
        <v>71</v>
      </c>
      <c r="C58" s="218">
        <v>0.45064117565841172</v>
      </c>
      <c r="D58" s="96">
        <v>0.11496472453037399</v>
      </c>
      <c r="E58" s="218">
        <v>0.21967334224148008</v>
      </c>
      <c r="F58" s="96">
        <v>9.7864022746612225E-2</v>
      </c>
      <c r="G58" s="218">
        <v>0.32968548210010806</v>
      </c>
      <c r="H58" s="96">
        <v>0.10930191576901867</v>
      </c>
      <c r="I58" s="214">
        <v>76</v>
      </c>
      <c r="J58" s="218">
        <v>0.5760767225248683</v>
      </c>
      <c r="K58" s="96">
        <v>0.11062925243614626</v>
      </c>
      <c r="L58" s="218">
        <v>0.1577967300269045</v>
      </c>
      <c r="M58" s="96">
        <v>8.4945415450981804E-2</v>
      </c>
      <c r="N58" s="218">
        <v>0.26612654744822706</v>
      </c>
      <c r="O58" s="96">
        <v>0.10015891008613288</v>
      </c>
      <c r="P58" s="214">
        <v>70</v>
      </c>
      <c r="Q58" s="218">
        <v>0.60002665952057621</v>
      </c>
      <c r="R58" s="96">
        <v>0.11414715276876451</v>
      </c>
      <c r="S58" s="218">
        <v>0.17527069257833308</v>
      </c>
      <c r="T58" s="96">
        <v>9.1723048639043611E-2</v>
      </c>
      <c r="U58" s="218">
        <v>0.22470264790109071</v>
      </c>
      <c r="V58" s="96">
        <v>9.9235807411273663E-2</v>
      </c>
      <c r="W58" s="214">
        <v>60</v>
      </c>
      <c r="X58" s="218">
        <v>0.44773485113697875</v>
      </c>
      <c r="Y58" s="96">
        <v>0.12439833686744599</v>
      </c>
      <c r="Z58" s="218">
        <v>0.1455879736126833</v>
      </c>
      <c r="AA58" s="96">
        <v>9.3408526547836684E-2</v>
      </c>
      <c r="AB58" s="218">
        <v>0.40667717525033803</v>
      </c>
      <c r="AC58" s="96">
        <v>0.12307149191817603</v>
      </c>
      <c r="AD58" s="214">
        <v>77</v>
      </c>
      <c r="AE58" s="218">
        <v>0.63763813755360743</v>
      </c>
      <c r="AF58" s="96">
        <v>0.10723933826495745</v>
      </c>
      <c r="AG58" s="218">
        <v>0.16648477435886533</v>
      </c>
      <c r="AH58" s="96">
        <v>8.5917633160753598E-2</v>
      </c>
      <c r="AI58" s="218">
        <v>0.19587708808752682</v>
      </c>
      <c r="AJ58" s="96">
        <v>9.0654299292150381E-2</v>
      </c>
      <c r="AK58" s="214">
        <v>63</v>
      </c>
      <c r="AL58" s="218">
        <v>0.64022819222922678</v>
      </c>
      <c r="AM58" s="96">
        <v>0.11784480063510135</v>
      </c>
      <c r="AN58" s="218">
        <v>0.17500029558053895</v>
      </c>
      <c r="AO58" s="96">
        <v>9.669482208125052E-2</v>
      </c>
      <c r="AP58" s="218">
        <v>0.18477151219023433</v>
      </c>
      <c r="AQ58" s="96">
        <v>9.8387530418000024E-2</v>
      </c>
      <c r="AR58" s="214">
        <v>80</v>
      </c>
      <c r="AS58" s="218">
        <v>0.72226380305998572</v>
      </c>
      <c r="AT58" s="96">
        <v>9.8848526979457341E-2</v>
      </c>
      <c r="AU58" s="218">
        <v>0.17685790027704706</v>
      </c>
      <c r="AV58" s="96">
        <v>8.5992037606762911E-2</v>
      </c>
      <c r="AW58" s="218">
        <v>0.10087829666296709</v>
      </c>
      <c r="AX58" s="96">
        <v>7.0882833078836319E-2</v>
      </c>
      <c r="AY58" s="214">
        <v>62</v>
      </c>
      <c r="AZ58" s="218">
        <v>0.34926672663777575</v>
      </c>
      <c r="BA58" s="96">
        <v>0.11805238387114576</v>
      </c>
      <c r="BB58" s="218">
        <v>0.17326136088752556</v>
      </c>
      <c r="BC58" s="96">
        <v>9.7169052739636025E-2</v>
      </c>
      <c r="BD58" s="218">
        <v>0.47747191247469895</v>
      </c>
      <c r="BE58" s="96">
        <v>0.12298118556758102</v>
      </c>
      <c r="BF58" s="214">
        <v>78</v>
      </c>
      <c r="BG58" s="218">
        <v>0.63243119348531773</v>
      </c>
      <c r="BH58" s="96">
        <v>0.10686925521965196</v>
      </c>
      <c r="BI58" s="218">
        <v>0.13944401833330844</v>
      </c>
      <c r="BJ58" s="96">
        <v>8.0356835233306126E-2</v>
      </c>
      <c r="BK58" s="218">
        <v>0.22812478818137386</v>
      </c>
      <c r="BL58" s="96">
        <v>9.451269444722904E-2</v>
      </c>
      <c r="BM58" s="214">
        <v>81</v>
      </c>
      <c r="BN58" s="218">
        <v>0.60784084610786027</v>
      </c>
      <c r="BO58" s="96">
        <v>0.10614953997562693</v>
      </c>
      <c r="BP58" s="218">
        <v>0.15417830900946336</v>
      </c>
      <c r="BQ58" s="96">
        <v>8.1572283144636798E-2</v>
      </c>
      <c r="BR58" s="218">
        <v>0.23798084488267615</v>
      </c>
      <c r="BS58" s="96">
        <v>9.3972582287536896E-2</v>
      </c>
      <c r="BT58" s="214">
        <v>44</v>
      </c>
      <c r="BU58" s="218">
        <v>0.61187781603986058</v>
      </c>
      <c r="BV58" s="96">
        <v>0.14126881607642369</v>
      </c>
      <c r="BW58" s="218">
        <v>0.16284741285313969</v>
      </c>
      <c r="BX58" s="96">
        <v>0.11346220229101758</v>
      </c>
      <c r="BY58" s="218">
        <v>0.22527477110700009</v>
      </c>
      <c r="BZ58" s="96">
        <v>0.1246932622630567</v>
      </c>
    </row>
    <row r="59" spans="1:78">
      <c r="A59" s="44" t="s">
        <v>358</v>
      </c>
      <c r="B59" s="213">
        <v>72</v>
      </c>
      <c r="C59" s="217">
        <v>0.62499707110984848</v>
      </c>
      <c r="D59" s="93">
        <v>0.11144437164620416</v>
      </c>
      <c r="E59" s="217">
        <v>3.1811327805591399E-2</v>
      </c>
      <c r="F59" s="93">
        <v>5.2947796573585781E-2</v>
      </c>
      <c r="G59" s="217">
        <v>0.34319160108456098</v>
      </c>
      <c r="H59" s="93">
        <v>0.10952801019505762</v>
      </c>
      <c r="I59" s="213">
        <v>70</v>
      </c>
      <c r="J59" s="217">
        <v>0.62822942300069973</v>
      </c>
      <c r="K59" s="93">
        <v>0.11277501406418594</v>
      </c>
      <c r="L59" s="217">
        <v>0.15419040252072888</v>
      </c>
      <c r="M59" s="93">
        <v>8.7917143455356034E-2</v>
      </c>
      <c r="N59" s="217">
        <v>0.21758017447857145</v>
      </c>
      <c r="O59" s="93">
        <v>9.8262967533914378E-2</v>
      </c>
      <c r="P59" s="213">
        <v>62</v>
      </c>
      <c r="Q59" s="217">
        <v>0.68243747613289985</v>
      </c>
      <c r="R59" s="93">
        <v>0.11563491912164721</v>
      </c>
      <c r="S59" s="217">
        <v>4.1242082961658585E-2</v>
      </c>
      <c r="T59" s="93">
        <v>6.2415178399075129E-2</v>
      </c>
      <c r="U59" s="217">
        <v>0.27632044090544172</v>
      </c>
      <c r="V59" s="93">
        <v>0.11169445104385528</v>
      </c>
      <c r="W59" s="213">
        <v>63</v>
      </c>
      <c r="X59" s="217">
        <v>0.58018834207496961</v>
      </c>
      <c r="Y59" s="93">
        <v>0.12077231383357803</v>
      </c>
      <c r="Z59" s="217">
        <v>0.18922096701945856</v>
      </c>
      <c r="AA59" s="93">
        <v>9.9131907842425301E-2</v>
      </c>
      <c r="AB59" s="217">
        <v>0.23059069090557174</v>
      </c>
      <c r="AC59" s="93">
        <v>0.10532858540073689</v>
      </c>
      <c r="AD59" s="213">
        <v>74</v>
      </c>
      <c r="AE59" s="217">
        <v>0.65115340761083584</v>
      </c>
      <c r="AF59" s="93">
        <v>0.10847092969979914</v>
      </c>
      <c r="AG59" s="217">
        <v>0.17275309112056472</v>
      </c>
      <c r="AH59" s="93">
        <v>8.875534617855102E-2</v>
      </c>
      <c r="AI59" s="217">
        <v>0.17609350126859963</v>
      </c>
      <c r="AJ59" s="93">
        <v>8.9319140935208832E-2</v>
      </c>
      <c r="AK59" s="213">
        <v>64</v>
      </c>
      <c r="AL59" s="217">
        <v>0.72569305700974018</v>
      </c>
      <c r="AM59" s="93">
        <v>0.10978026724706953</v>
      </c>
      <c r="AN59" s="217">
        <v>0.13418446523504135</v>
      </c>
      <c r="AO59" s="93">
        <v>8.7937007456126315E-2</v>
      </c>
      <c r="AP59" s="217">
        <v>0.14012247775521863</v>
      </c>
      <c r="AQ59" s="93">
        <v>8.920456238707207E-2</v>
      </c>
      <c r="AR59" s="213">
        <v>75</v>
      </c>
      <c r="AS59" s="217">
        <v>0.74761861797653528</v>
      </c>
      <c r="AT59" s="93">
        <v>9.9298027112281362E-2</v>
      </c>
      <c r="AU59" s="217">
        <v>0.1351024544583645</v>
      </c>
      <c r="AV59" s="93">
        <v>8.1128743318235802E-2</v>
      </c>
      <c r="AW59" s="217">
        <v>0.11727892756510039</v>
      </c>
      <c r="AX59" s="93">
        <v>7.7290186956990067E-2</v>
      </c>
      <c r="AY59" s="213">
        <v>58</v>
      </c>
      <c r="AZ59" s="217">
        <v>0.15692479249917132</v>
      </c>
      <c r="BA59" s="93">
        <v>9.7384064105805246E-2</v>
      </c>
      <c r="BB59" s="217">
        <v>0.22603868540509947</v>
      </c>
      <c r="BC59" s="93">
        <v>0.10904786926109258</v>
      </c>
      <c r="BD59" s="217">
        <v>0.61703652209572923</v>
      </c>
      <c r="BE59" s="93">
        <v>0.12391799167838151</v>
      </c>
      <c r="BF59" s="213">
        <v>73</v>
      </c>
      <c r="BG59" s="217">
        <v>0.4525680577593601</v>
      </c>
      <c r="BH59" s="93">
        <v>0.1134987576797486</v>
      </c>
      <c r="BI59" s="217">
        <v>0.23678422377763159</v>
      </c>
      <c r="BJ59" s="93">
        <v>9.8752918942431711E-2</v>
      </c>
      <c r="BK59" s="217">
        <v>0.31064771846300915</v>
      </c>
      <c r="BL59" s="93">
        <v>0.10636230114614512</v>
      </c>
      <c r="BM59" s="213">
        <v>76</v>
      </c>
      <c r="BN59" s="217">
        <v>0.93995610091224269</v>
      </c>
      <c r="BO59" s="93">
        <v>6.1364021590938005E-2</v>
      </c>
      <c r="BP59" s="217">
        <v>2.3161704121494368E-2</v>
      </c>
      <c r="BQ59" s="93">
        <v>4.732561606797827E-2</v>
      </c>
      <c r="BR59" s="217">
        <v>3.6882194966263014E-2</v>
      </c>
      <c r="BS59" s="93">
        <v>5.3119447258660392E-2</v>
      </c>
      <c r="BT59" s="213">
        <v>47</v>
      </c>
      <c r="BU59" s="217">
        <v>0.78325382698016166</v>
      </c>
      <c r="BV59" s="93">
        <v>0.11942977124187781</v>
      </c>
      <c r="BW59" s="217">
        <v>0.14493470417081616</v>
      </c>
      <c r="BX59" s="93">
        <v>0.10587784692254426</v>
      </c>
      <c r="BY59" s="217">
        <v>7.1811468849022411E-2</v>
      </c>
      <c r="BZ59" s="93">
        <v>8.5994437431756998E-2</v>
      </c>
    </row>
  </sheetData>
  <mergeCells count="16">
    <mergeCell ref="BT34:BZ34"/>
    <mergeCell ref="AK34:AQ34"/>
    <mergeCell ref="AR34:AX34"/>
    <mergeCell ref="AY34:BE34"/>
    <mergeCell ref="BF34:BL34"/>
    <mergeCell ref="BM34:BS34"/>
    <mergeCell ref="B34:H34"/>
    <mergeCell ref="I34:O34"/>
    <mergeCell ref="P34:V34"/>
    <mergeCell ref="W34:AC34"/>
    <mergeCell ref="AD34:AJ34"/>
    <mergeCell ref="A3:D3"/>
    <mergeCell ref="A4:D4"/>
    <mergeCell ref="A5:D5"/>
    <mergeCell ref="A32:BZ32"/>
    <mergeCell ref="A33:BZ33"/>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303" customWidth="1"/>
    <col min="2" max="9" width="8.85546875" style="20"/>
    <col min="10" max="10" width="19.42578125" style="20" customWidth="1"/>
    <col min="11" max="12" width="8.85546875" style="20"/>
    <col min="13" max="13" width="9.140625" style="20" customWidth="1"/>
    <col min="14" max="16384" width="8.85546875" style="20"/>
  </cols>
  <sheetData>
    <row r="1" spans="1:14" s="9" customFormat="1" ht="23.25">
      <c r="A1" s="305" t="s">
        <v>376</v>
      </c>
      <c r="F1" s="322"/>
      <c r="G1" s="322"/>
      <c r="H1" s="322"/>
      <c r="I1" s="322"/>
      <c r="J1" s="322"/>
      <c r="K1" s="322"/>
      <c r="L1" s="322"/>
      <c r="M1" s="322"/>
      <c r="N1" s="322"/>
    </row>
    <row r="2" spans="1:14" ht="21">
      <c r="A2" s="306"/>
      <c r="B2" s="12"/>
      <c r="C2" s="12"/>
      <c r="D2" s="12"/>
      <c r="E2" s="12"/>
      <c r="F2" s="323"/>
      <c r="G2" s="323"/>
      <c r="H2" s="323"/>
      <c r="I2" s="323"/>
      <c r="J2" s="323"/>
      <c r="K2" s="323"/>
      <c r="L2" s="323"/>
      <c r="M2" s="323"/>
      <c r="N2" s="323"/>
    </row>
    <row r="3" spans="1:14" s="11" customFormat="1" ht="21">
      <c r="A3" s="307" t="s">
        <v>151</v>
      </c>
      <c r="B3" s="10"/>
      <c r="C3" s="10"/>
      <c r="D3" s="10"/>
      <c r="E3" s="10"/>
      <c r="F3" s="19"/>
      <c r="G3" s="19"/>
      <c r="H3" s="19"/>
      <c r="I3" s="19"/>
      <c r="J3" s="19"/>
      <c r="K3" s="19"/>
      <c r="L3" s="19"/>
      <c r="M3" s="19"/>
      <c r="N3" s="19"/>
    </row>
    <row r="4" spans="1:14" s="11" customFormat="1" ht="31.5">
      <c r="A4" s="306" t="s">
        <v>477</v>
      </c>
      <c r="B4" s="10"/>
      <c r="C4" s="10"/>
      <c r="D4" s="10"/>
      <c r="E4" s="10"/>
      <c r="F4" s="19"/>
      <c r="G4" s="19"/>
      <c r="H4" s="19"/>
      <c r="I4" s="19"/>
      <c r="J4" s="19"/>
      <c r="K4" s="19"/>
      <c r="L4" s="19"/>
      <c r="M4" s="19"/>
      <c r="N4" s="19"/>
    </row>
    <row r="5" spans="1:14" ht="18.75" customHeight="1">
      <c r="A5" s="306"/>
      <c r="B5" s="12"/>
      <c r="C5" s="12"/>
      <c r="D5" s="12"/>
      <c r="E5" s="12"/>
      <c r="F5" s="19"/>
      <c r="G5" s="19"/>
      <c r="H5" s="19"/>
      <c r="I5" s="19"/>
      <c r="J5" s="19"/>
      <c r="K5" s="19"/>
      <c r="L5" s="19"/>
      <c r="M5" s="19"/>
      <c r="N5" s="19"/>
    </row>
    <row r="6" spans="1:14">
      <c r="A6" s="308" t="s">
        <v>152</v>
      </c>
      <c r="B6" s="12"/>
      <c r="C6" s="12"/>
      <c r="D6" s="12"/>
      <c r="E6" s="12"/>
    </row>
    <row r="7" spans="1:14" ht="51" customHeight="1">
      <c r="A7" s="309" t="s">
        <v>222</v>
      </c>
      <c r="B7" s="12"/>
      <c r="C7" s="12"/>
      <c r="D7" s="12"/>
      <c r="E7" s="12"/>
      <c r="F7" s="12"/>
      <c r="G7" s="12"/>
    </row>
    <row r="8" spans="1:14">
      <c r="A8" s="224"/>
      <c r="B8" s="12"/>
      <c r="C8" s="12"/>
      <c r="D8" s="12"/>
      <c r="E8" s="12"/>
      <c r="F8" s="12"/>
      <c r="G8" s="12"/>
    </row>
    <row r="9" spans="1:14">
      <c r="A9" s="307" t="s">
        <v>153</v>
      </c>
      <c r="B9" s="12"/>
      <c r="C9" s="12"/>
      <c r="D9" s="12"/>
      <c r="E9" s="12"/>
      <c r="F9" s="12"/>
      <c r="G9" s="12"/>
    </row>
    <row r="10" spans="1:14" ht="30">
      <c r="A10" s="306" t="s">
        <v>618</v>
      </c>
      <c r="B10" s="12"/>
      <c r="C10" s="12"/>
      <c r="D10" s="12"/>
      <c r="E10" s="12"/>
      <c r="F10" s="12"/>
      <c r="G10" s="12"/>
    </row>
    <row r="11" spans="1:14">
      <c r="A11" s="229"/>
      <c r="B11" s="13"/>
      <c r="C11" s="13"/>
      <c r="D11" s="13"/>
      <c r="E11" s="13"/>
    </row>
    <row r="12" spans="1:14">
      <c r="A12" s="307" t="s">
        <v>154</v>
      </c>
    </row>
    <row r="13" spans="1:14" ht="135">
      <c r="A13" s="306" t="s">
        <v>478</v>
      </c>
    </row>
    <row r="14" spans="1:14">
      <c r="A14" s="224"/>
    </row>
    <row r="15" spans="1:14">
      <c r="A15" s="308" t="s">
        <v>2</v>
      </c>
    </row>
    <row r="16" spans="1:14" ht="45">
      <c r="A16" s="309" t="s">
        <v>155</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72"/>
  <sheetViews>
    <sheetView workbookViewId="0"/>
  </sheetViews>
  <sheetFormatPr defaultColWidth="8.85546875" defaultRowHeight="15"/>
  <cols>
    <col min="1" max="1" width="135.85546875" style="320" customWidth="1"/>
    <col min="2" max="7" width="8.85546875" style="2"/>
    <col min="8" max="8" width="19.42578125" style="2" customWidth="1"/>
    <col min="9" max="10" width="8.85546875" style="2"/>
    <col min="11" max="11" width="9.140625" style="2" customWidth="1"/>
    <col min="12" max="16384" width="8.85546875" style="2"/>
  </cols>
  <sheetData>
    <row r="1" spans="1:14" ht="23.25">
      <c r="A1" s="305" t="s">
        <v>552</v>
      </c>
      <c r="B1" s="8"/>
      <c r="C1" s="8"/>
      <c r="D1" s="8"/>
      <c r="E1" s="8"/>
      <c r="F1" s="8"/>
      <c r="G1" s="8"/>
      <c r="N1" s="7"/>
    </row>
    <row r="2" spans="1:14" ht="75">
      <c r="A2" s="316" t="s">
        <v>553</v>
      </c>
      <c r="B2" s="6"/>
      <c r="C2" s="6"/>
      <c r="D2" s="6"/>
    </row>
    <row r="3" spans="1:14" s="16" customFormat="1">
      <c r="A3" s="306"/>
      <c r="B3" s="12"/>
      <c r="C3" s="12"/>
      <c r="D3" s="12"/>
    </row>
    <row r="4" spans="1:14" s="225" customFormat="1">
      <c r="A4" s="307" t="s">
        <v>349</v>
      </c>
      <c r="B4" s="12"/>
      <c r="C4" s="12"/>
      <c r="D4" s="12"/>
    </row>
    <row r="5" spans="1:14" s="225" customFormat="1" ht="30">
      <c r="A5" s="306" t="s">
        <v>561</v>
      </c>
      <c r="B5" s="12"/>
      <c r="C5" s="12"/>
      <c r="D5" s="12"/>
    </row>
    <row r="6" spans="1:14" s="225" customFormat="1">
      <c r="A6" s="306"/>
      <c r="B6" s="12"/>
      <c r="C6" s="12"/>
      <c r="D6" s="12"/>
    </row>
    <row r="7" spans="1:14" s="17" customFormat="1">
      <c r="A7" s="310" t="s">
        <v>350</v>
      </c>
      <c r="B7" s="12"/>
      <c r="C7" s="12"/>
      <c r="D7" s="12"/>
    </row>
    <row r="8" spans="1:14" s="17" customFormat="1" ht="30">
      <c r="A8" s="317" t="s">
        <v>562</v>
      </c>
      <c r="B8" s="12"/>
      <c r="C8" s="12"/>
      <c r="D8" s="12"/>
    </row>
    <row r="9" spans="1:14" s="225" customFormat="1">
      <c r="A9" s="317"/>
      <c r="B9" s="12"/>
      <c r="C9" s="12"/>
      <c r="D9" s="12"/>
    </row>
    <row r="10" spans="1:14" s="225" customFormat="1">
      <c r="A10" s="311" t="s">
        <v>351</v>
      </c>
      <c r="B10" s="12"/>
      <c r="C10" s="12"/>
      <c r="D10" s="12"/>
    </row>
    <row r="11" spans="1:14" s="225" customFormat="1" ht="30">
      <c r="A11" s="317" t="s">
        <v>615</v>
      </c>
      <c r="B11" s="12"/>
      <c r="C11" s="12"/>
      <c r="D11" s="12"/>
    </row>
    <row r="12" spans="1:14" s="225" customFormat="1">
      <c r="A12" s="317"/>
      <c r="B12" s="12"/>
      <c r="C12" s="12"/>
      <c r="D12" s="12"/>
    </row>
    <row r="13" spans="1:14" s="225" customFormat="1">
      <c r="A13" s="311" t="s">
        <v>373</v>
      </c>
      <c r="B13" s="12"/>
      <c r="C13" s="12"/>
      <c r="D13" s="12"/>
    </row>
    <row r="14" spans="1:14" s="225" customFormat="1" ht="30">
      <c r="A14" s="317" t="s">
        <v>563</v>
      </c>
      <c r="B14" s="12"/>
      <c r="C14" s="12"/>
      <c r="D14" s="12"/>
    </row>
    <row r="15" spans="1:14" s="225" customFormat="1">
      <c r="A15" s="317"/>
      <c r="B15" s="12"/>
      <c r="C15" s="12"/>
      <c r="D15" s="12"/>
    </row>
    <row r="16" spans="1:14" s="225" customFormat="1">
      <c r="A16" s="311" t="s">
        <v>374</v>
      </c>
      <c r="B16" s="12"/>
      <c r="C16" s="12"/>
      <c r="D16" s="12"/>
    </row>
    <row r="17" spans="1:4" s="225" customFormat="1" ht="30">
      <c r="A17" s="317" t="s">
        <v>616</v>
      </c>
      <c r="B17" s="12"/>
      <c r="C17" s="12"/>
      <c r="D17" s="12"/>
    </row>
    <row r="18" spans="1:4" s="17" customFormat="1">
      <c r="A18" s="306"/>
      <c r="B18" s="12"/>
      <c r="C18" s="12"/>
      <c r="D18" s="12"/>
    </row>
    <row r="19" spans="1:4">
      <c r="A19" s="310" t="s">
        <v>372</v>
      </c>
    </row>
    <row r="20" spans="1:4" ht="34.5" customHeight="1">
      <c r="A20" s="317" t="s">
        <v>617</v>
      </c>
    </row>
    <row r="21" spans="1:4" s="16" customFormat="1">
      <c r="A21" s="319"/>
    </row>
    <row r="22" spans="1:4">
      <c r="A22" s="318" t="s">
        <v>368</v>
      </c>
    </row>
    <row r="23" spans="1:4" ht="45">
      <c r="A23" s="316" t="s">
        <v>564</v>
      </c>
    </row>
    <row r="24" spans="1:4">
      <c r="A24" s="309"/>
    </row>
    <row r="25" spans="1:4" s="225" customFormat="1">
      <c r="A25" s="318" t="s">
        <v>150</v>
      </c>
    </row>
    <row r="26" spans="1:4" s="225" customFormat="1" ht="45">
      <c r="A26" s="316" t="s">
        <v>565</v>
      </c>
    </row>
    <row r="27" spans="1:4" s="225" customFormat="1">
      <c r="A27" s="309"/>
    </row>
    <row r="28" spans="1:4" s="18" customFormat="1">
      <c r="A28" s="308" t="s">
        <v>352</v>
      </c>
    </row>
    <row r="29" spans="1:4" s="18" customFormat="1" ht="30">
      <c r="A29" s="316" t="s">
        <v>566</v>
      </c>
    </row>
    <row r="30" spans="1:4" s="18" customFormat="1">
      <c r="A30" s="309"/>
    </row>
    <row r="31" spans="1:4" s="18" customFormat="1">
      <c r="A31" s="308" t="s">
        <v>353</v>
      </c>
    </row>
    <row r="32" spans="1:4" s="18" customFormat="1" ht="30">
      <c r="A32" s="316" t="s">
        <v>554</v>
      </c>
    </row>
    <row r="33" spans="1:1">
      <c r="A33" s="309"/>
    </row>
    <row r="34" spans="1:1">
      <c r="A34" s="308" t="s">
        <v>369</v>
      </c>
    </row>
    <row r="35" spans="1:1" ht="45">
      <c r="A35" s="316" t="s">
        <v>567</v>
      </c>
    </row>
    <row r="36" spans="1:1" s="225" customFormat="1">
      <c r="A36" s="316"/>
    </row>
    <row r="37" spans="1:1">
      <c r="A37" s="308" t="s">
        <v>354</v>
      </c>
    </row>
    <row r="38" spans="1:1" ht="30">
      <c r="A38" s="316" t="s">
        <v>555</v>
      </c>
    </row>
    <row r="39" spans="1:1">
      <c r="A39" s="316"/>
    </row>
    <row r="40" spans="1:1">
      <c r="A40" s="308" t="s">
        <v>355</v>
      </c>
    </row>
    <row r="41" spans="1:1" ht="30">
      <c r="A41" s="316" t="s">
        <v>568</v>
      </c>
    </row>
    <row r="42" spans="1:1">
      <c r="A42" s="316"/>
    </row>
    <row r="43" spans="1:1">
      <c r="A43" s="308" t="s">
        <v>356</v>
      </c>
    </row>
    <row r="44" spans="1:1">
      <c r="A44" s="316" t="s">
        <v>556</v>
      </c>
    </row>
    <row r="45" spans="1:1" s="225" customFormat="1">
      <c r="A45" s="316"/>
    </row>
    <row r="46" spans="1:1" s="225" customFormat="1">
      <c r="A46" s="308" t="s">
        <v>357</v>
      </c>
    </row>
    <row r="47" spans="1:1" s="225" customFormat="1">
      <c r="A47" s="316" t="s">
        <v>569</v>
      </c>
    </row>
    <row r="48" spans="1:1" s="225" customFormat="1">
      <c r="A48" s="316"/>
    </row>
    <row r="49" spans="1:1" s="225" customFormat="1">
      <c r="A49" s="308" t="s">
        <v>358</v>
      </c>
    </row>
    <row r="50" spans="1:1" s="225" customFormat="1" ht="30">
      <c r="A50" s="316" t="s">
        <v>557</v>
      </c>
    </row>
    <row r="51" spans="1:1" s="225" customFormat="1">
      <c r="A51" s="316"/>
    </row>
    <row r="52" spans="1:1" s="225" customFormat="1">
      <c r="A52" s="308" t="s">
        <v>359</v>
      </c>
    </row>
    <row r="53" spans="1:1" s="225" customFormat="1" ht="30">
      <c r="A53" s="316" t="s">
        <v>570</v>
      </c>
    </row>
    <row r="54" spans="1:1" s="225" customFormat="1">
      <c r="A54" s="309"/>
    </row>
    <row r="55" spans="1:1" s="225" customFormat="1">
      <c r="A55" s="308" t="s">
        <v>371</v>
      </c>
    </row>
    <row r="56" spans="1:1" s="225" customFormat="1" ht="45">
      <c r="A56" s="316" t="s">
        <v>571</v>
      </c>
    </row>
    <row r="57" spans="1:1" s="225" customFormat="1">
      <c r="A57" s="316"/>
    </row>
    <row r="58" spans="1:1" s="225" customFormat="1">
      <c r="A58" s="308" t="s">
        <v>360</v>
      </c>
    </row>
    <row r="59" spans="1:1" s="225" customFormat="1" ht="30">
      <c r="A59" s="316" t="s">
        <v>572</v>
      </c>
    </row>
    <row r="60" spans="1:1" s="225" customFormat="1">
      <c r="A60" s="316"/>
    </row>
    <row r="61" spans="1:1" s="225" customFormat="1">
      <c r="A61" s="308" t="s">
        <v>370</v>
      </c>
    </row>
    <row r="62" spans="1:1" s="225" customFormat="1" ht="45">
      <c r="A62" s="316" t="s">
        <v>573</v>
      </c>
    </row>
    <row r="63" spans="1:1" s="225" customFormat="1">
      <c r="A63" s="316"/>
    </row>
    <row r="64" spans="1:1" s="225" customFormat="1">
      <c r="A64" s="308" t="s">
        <v>361</v>
      </c>
    </row>
    <row r="65" spans="1:1" s="225" customFormat="1" ht="30">
      <c r="A65" s="316" t="s">
        <v>574</v>
      </c>
    </row>
    <row r="66" spans="1:1" s="225" customFormat="1">
      <c r="A66" s="316"/>
    </row>
    <row r="67" spans="1:1" s="225" customFormat="1">
      <c r="A67" s="308" t="s">
        <v>375</v>
      </c>
    </row>
    <row r="68" spans="1:1" s="225" customFormat="1" ht="30">
      <c r="A68" s="316" t="s">
        <v>575</v>
      </c>
    </row>
    <row r="69" spans="1:1" s="225" customFormat="1">
      <c r="A69" s="316"/>
    </row>
    <row r="70" spans="1:1" s="225" customFormat="1">
      <c r="A70" s="308" t="s">
        <v>358</v>
      </c>
    </row>
    <row r="71" spans="1:1" s="225" customFormat="1" ht="30">
      <c r="A71" s="316" t="s">
        <v>557</v>
      </c>
    </row>
    <row r="72" spans="1:1" s="225" customFormat="1">
      <c r="A72" s="316"/>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81"/>
  <sheetViews>
    <sheetView zoomScaleNormal="100" workbookViewId="0">
      <selection sqref="A1:D1"/>
    </sheetView>
  </sheetViews>
  <sheetFormatPr defaultColWidth="8.85546875" defaultRowHeight="15"/>
  <cols>
    <col min="1" max="1" width="8.85546875" style="14"/>
    <col min="2" max="2" width="35.7109375" style="225" customWidth="1"/>
    <col min="3" max="3" width="36.140625" style="225" customWidth="1"/>
    <col min="4" max="4" width="26.85546875" style="225" customWidth="1"/>
    <col min="5" max="5" width="8.85546875" style="225"/>
    <col min="6" max="6" width="23.42578125" style="225" customWidth="1"/>
    <col min="7" max="16384" width="8.85546875" style="225"/>
  </cols>
  <sheetData>
    <row r="1" spans="1:9" ht="21">
      <c r="A1" s="327" t="s">
        <v>0</v>
      </c>
      <c r="B1" s="327"/>
      <c r="C1" s="327"/>
      <c r="D1" s="327"/>
      <c r="E1" s="227"/>
      <c r="F1" s="227"/>
      <c r="G1" s="227"/>
      <c r="H1" s="227"/>
      <c r="I1" s="227"/>
    </row>
    <row r="2" spans="1:9" ht="21">
      <c r="A2" s="228"/>
      <c r="B2" s="228"/>
      <c r="C2" s="228"/>
      <c r="D2" s="228"/>
      <c r="E2" s="227"/>
      <c r="F2" s="227"/>
      <c r="G2" s="227"/>
      <c r="H2" s="227"/>
      <c r="I2" s="227"/>
    </row>
    <row r="3" spans="1:9" ht="21">
      <c r="A3" s="228" t="s">
        <v>5</v>
      </c>
      <c r="B3" s="228"/>
      <c r="C3" s="228"/>
      <c r="D3" s="228"/>
      <c r="E3" s="227"/>
      <c r="F3" s="227"/>
      <c r="G3" s="227"/>
      <c r="H3" s="227"/>
      <c r="I3" s="227"/>
    </row>
    <row r="4" spans="1:9" ht="21">
      <c r="A4" s="21"/>
      <c r="B4" s="227"/>
      <c r="C4" s="227"/>
      <c r="D4" s="227"/>
      <c r="E4" s="22"/>
      <c r="F4" s="227"/>
      <c r="G4" s="227"/>
      <c r="H4" s="227"/>
      <c r="I4" s="227"/>
    </row>
    <row r="5" spans="1:9" ht="18.75">
      <c r="A5" s="329" t="s">
        <v>59</v>
      </c>
      <c r="B5" s="329"/>
      <c r="C5" s="23"/>
      <c r="D5" s="227"/>
      <c r="E5" s="227"/>
      <c r="F5" s="227"/>
      <c r="G5" s="227"/>
      <c r="H5" s="227"/>
      <c r="I5" s="227"/>
    </row>
    <row r="6" spans="1:9" ht="18.75">
      <c r="A6" s="31"/>
      <c r="B6" s="23"/>
      <c r="C6" s="23"/>
      <c r="D6" s="227"/>
      <c r="E6" s="227"/>
      <c r="F6" s="227"/>
      <c r="G6" s="227"/>
      <c r="H6" s="227"/>
      <c r="I6" s="227"/>
    </row>
    <row r="7" spans="1:9" ht="18.75">
      <c r="A7" s="24">
        <v>1</v>
      </c>
      <c r="B7" s="235" t="s">
        <v>6</v>
      </c>
      <c r="C7" s="227"/>
      <c r="D7" s="227"/>
      <c r="E7" s="26"/>
      <c r="F7" s="26"/>
      <c r="G7" s="227"/>
      <c r="H7" s="227"/>
      <c r="I7" s="227"/>
    </row>
    <row r="8" spans="1:9">
      <c r="A8" s="24"/>
      <c r="B8" s="325" t="s">
        <v>8</v>
      </c>
      <c r="C8" s="325"/>
      <c r="D8" s="325"/>
      <c r="E8" s="325"/>
      <c r="F8" s="325"/>
      <c r="G8" s="227"/>
      <c r="H8" s="227"/>
      <c r="I8" s="227"/>
    </row>
    <row r="9" spans="1:9" ht="18.75">
      <c r="A9" s="31"/>
      <c r="B9" s="23"/>
      <c r="C9" s="23"/>
      <c r="D9" s="227"/>
      <c r="E9" s="227"/>
      <c r="F9" s="227"/>
      <c r="G9" s="227"/>
      <c r="H9" s="227"/>
      <c r="I9" s="227"/>
    </row>
    <row r="10" spans="1:9" ht="18.75">
      <c r="A10" s="24">
        <v>1</v>
      </c>
      <c r="B10" s="25" t="s">
        <v>7</v>
      </c>
      <c r="C10" s="227"/>
      <c r="D10" s="227"/>
      <c r="E10" s="26"/>
      <c r="F10" s="26"/>
      <c r="G10" s="227"/>
      <c r="H10" s="227"/>
      <c r="I10" s="227"/>
    </row>
    <row r="11" spans="1:9">
      <c r="A11" s="24"/>
      <c r="B11" s="325" t="s">
        <v>9</v>
      </c>
      <c r="C11" s="325"/>
      <c r="D11" s="325"/>
      <c r="E11" s="27"/>
      <c r="F11" s="27"/>
      <c r="G11" s="227"/>
      <c r="H11" s="227"/>
      <c r="I11" s="227"/>
    </row>
    <row r="12" spans="1:9" ht="18.75">
      <c r="A12" s="31"/>
      <c r="B12" s="23"/>
      <c r="C12" s="23"/>
      <c r="D12" s="227"/>
      <c r="E12" s="227"/>
      <c r="F12" s="227"/>
      <c r="G12" s="227"/>
      <c r="H12" s="227"/>
      <c r="I12" s="227"/>
    </row>
    <row r="13" spans="1:9" ht="18.75">
      <c r="A13" s="24">
        <v>1</v>
      </c>
      <c r="B13" s="25" t="s">
        <v>54</v>
      </c>
      <c r="C13" s="23"/>
      <c r="D13" s="227"/>
      <c r="E13" s="227"/>
      <c r="F13" s="227"/>
      <c r="G13" s="227"/>
      <c r="H13" s="227"/>
      <c r="I13" s="227"/>
    </row>
    <row r="14" spans="1:9" ht="18.75">
      <c r="A14" s="31"/>
      <c r="B14" s="227" t="s">
        <v>55</v>
      </c>
      <c r="C14" s="23"/>
      <c r="D14" s="227"/>
      <c r="E14" s="227"/>
      <c r="F14" s="227"/>
      <c r="G14" s="227"/>
      <c r="H14" s="227"/>
      <c r="I14" s="227"/>
    </row>
    <row r="15" spans="1:9" ht="18.75">
      <c r="A15" s="31"/>
      <c r="B15" s="227"/>
      <c r="C15" s="23"/>
      <c r="D15" s="227"/>
      <c r="E15" s="227"/>
      <c r="F15" s="227"/>
      <c r="G15" s="227"/>
      <c r="H15" s="227"/>
      <c r="I15" s="227"/>
    </row>
    <row r="16" spans="1:9" ht="18.75">
      <c r="A16" s="24">
        <v>1</v>
      </c>
      <c r="B16" s="25" t="s">
        <v>532</v>
      </c>
      <c r="C16" s="23"/>
      <c r="D16" s="227"/>
      <c r="E16" s="227"/>
      <c r="F16" s="227"/>
      <c r="G16" s="227"/>
      <c r="H16" s="227"/>
      <c r="I16" s="227"/>
    </row>
    <row r="17" spans="1:9" ht="18.75">
      <c r="A17" s="31"/>
      <c r="B17" s="227" t="s">
        <v>56</v>
      </c>
      <c r="C17" s="23"/>
      <c r="D17" s="227"/>
      <c r="E17" s="227"/>
      <c r="F17" s="227"/>
      <c r="G17" s="227"/>
      <c r="H17" s="227"/>
      <c r="I17" s="227"/>
    </row>
    <row r="18" spans="1:9" ht="18.75">
      <c r="A18" s="31"/>
      <c r="B18" s="313"/>
      <c r="C18" s="23"/>
      <c r="D18" s="313"/>
      <c r="E18" s="313"/>
      <c r="F18" s="313"/>
      <c r="G18" s="313"/>
      <c r="H18" s="313"/>
      <c r="I18" s="313"/>
    </row>
    <row r="19" spans="1:9" ht="18.75">
      <c r="A19" s="24">
        <v>1</v>
      </c>
      <c r="B19" s="25" t="s">
        <v>510</v>
      </c>
      <c r="C19" s="23"/>
      <c r="D19" s="313"/>
      <c r="E19" s="313"/>
      <c r="F19" s="313"/>
      <c r="G19" s="313"/>
      <c r="H19" s="313"/>
      <c r="I19" s="313"/>
    </row>
    <row r="20" spans="1:9" ht="18.75">
      <c r="A20" s="31"/>
      <c r="B20" s="313" t="s">
        <v>511</v>
      </c>
      <c r="C20" s="23"/>
      <c r="D20" s="313"/>
      <c r="E20" s="313"/>
      <c r="F20" s="313"/>
      <c r="G20" s="313"/>
      <c r="H20" s="313"/>
      <c r="I20" s="313"/>
    </row>
    <row r="21" spans="1:9" ht="18.75">
      <c r="A21" s="31"/>
      <c r="B21" s="313"/>
      <c r="C21" s="23"/>
      <c r="D21" s="313"/>
      <c r="E21" s="313"/>
      <c r="F21" s="313"/>
      <c r="G21" s="313"/>
      <c r="H21" s="313"/>
      <c r="I21" s="313"/>
    </row>
    <row r="22" spans="1:9" ht="18.75">
      <c r="A22" s="24">
        <v>1</v>
      </c>
      <c r="B22" s="25" t="s">
        <v>512</v>
      </c>
      <c r="C22" s="23"/>
      <c r="D22" s="313"/>
      <c r="E22" s="313"/>
      <c r="F22" s="313"/>
      <c r="G22" s="313"/>
      <c r="H22" s="313"/>
      <c r="I22" s="313"/>
    </row>
    <row r="23" spans="1:9" ht="18.75">
      <c r="A23" s="31"/>
      <c r="B23" s="313" t="s">
        <v>513</v>
      </c>
      <c r="C23" s="23"/>
      <c r="D23" s="313"/>
      <c r="E23" s="313"/>
      <c r="F23" s="313"/>
      <c r="G23" s="313"/>
      <c r="H23" s="313"/>
      <c r="I23" s="313"/>
    </row>
    <row r="24" spans="1:9" ht="18.75">
      <c r="A24" s="31"/>
      <c r="B24" s="313"/>
      <c r="C24" s="23"/>
      <c r="D24" s="313"/>
      <c r="E24" s="313"/>
      <c r="F24" s="313"/>
      <c r="G24" s="313"/>
      <c r="H24" s="313"/>
      <c r="I24" s="313"/>
    </row>
    <row r="25" spans="1:9" ht="18.75">
      <c r="A25" s="330" t="s">
        <v>60</v>
      </c>
      <c r="B25" s="330"/>
      <c r="C25" s="23"/>
      <c r="D25" s="227"/>
      <c r="E25" s="227"/>
      <c r="F25" s="227"/>
      <c r="G25" s="227"/>
      <c r="H25" s="227"/>
      <c r="I25" s="227"/>
    </row>
    <row r="26" spans="1:9" ht="18.75">
      <c r="A26" s="31"/>
      <c r="B26" s="227"/>
      <c r="C26" s="23"/>
      <c r="D26" s="227"/>
      <c r="E26" s="227"/>
      <c r="F26" s="227"/>
      <c r="G26" s="227"/>
      <c r="H26" s="227"/>
      <c r="I26" s="227"/>
    </row>
    <row r="27" spans="1:9" s="15" customFormat="1" ht="18.75">
      <c r="A27" s="24">
        <v>2</v>
      </c>
      <c r="B27" s="25" t="s">
        <v>514</v>
      </c>
      <c r="C27" s="227"/>
      <c r="D27" s="227"/>
      <c r="E27" s="26"/>
      <c r="F27" s="26"/>
      <c r="G27" s="26"/>
      <c r="H27" s="26"/>
      <c r="I27" s="26"/>
    </row>
    <row r="28" spans="1:9">
      <c r="A28" s="24"/>
      <c r="B28" s="324" t="s">
        <v>516</v>
      </c>
      <c r="C28" s="325"/>
      <c r="D28" s="325"/>
      <c r="E28" s="325"/>
      <c r="F28" s="325"/>
      <c r="G28" s="325"/>
      <c r="H28" s="227"/>
      <c r="I28" s="227"/>
    </row>
    <row r="29" spans="1:9">
      <c r="A29" s="24"/>
      <c r="B29" s="227"/>
      <c r="C29" s="227"/>
      <c r="D29" s="227"/>
      <c r="E29" s="227"/>
      <c r="F29" s="227"/>
      <c r="G29" s="227"/>
      <c r="H29" s="227"/>
      <c r="I29" s="227"/>
    </row>
    <row r="30" spans="1:9" s="15" customFormat="1" ht="18.75">
      <c r="A30" s="24">
        <v>2</v>
      </c>
      <c r="B30" s="25" t="s">
        <v>515</v>
      </c>
      <c r="C30" s="313"/>
      <c r="D30" s="313"/>
      <c r="E30" s="26"/>
      <c r="F30" s="26"/>
      <c r="G30" s="26"/>
      <c r="H30" s="26"/>
      <c r="I30" s="26"/>
    </row>
    <row r="31" spans="1:9">
      <c r="A31" s="24"/>
      <c r="B31" s="324" t="s">
        <v>57</v>
      </c>
      <c r="C31" s="325"/>
      <c r="D31" s="325"/>
      <c r="E31" s="325"/>
      <c r="F31" s="325"/>
      <c r="G31" s="325"/>
      <c r="H31" s="313"/>
      <c r="I31" s="313"/>
    </row>
    <row r="32" spans="1:9">
      <c r="A32" s="24"/>
      <c r="B32" s="313"/>
      <c r="C32" s="313"/>
      <c r="D32" s="313"/>
      <c r="E32" s="313"/>
      <c r="F32" s="313"/>
      <c r="G32" s="313"/>
      <c r="H32" s="313"/>
      <c r="I32" s="313"/>
    </row>
    <row r="33" spans="1:9">
      <c r="A33" s="24">
        <v>2</v>
      </c>
      <c r="B33" s="25" t="s">
        <v>338</v>
      </c>
      <c r="C33" s="227"/>
      <c r="D33" s="227"/>
      <c r="E33" s="227"/>
      <c r="F33" s="227"/>
      <c r="G33" s="227"/>
      <c r="H33" s="227"/>
      <c r="I33" s="227"/>
    </row>
    <row r="34" spans="1:9">
      <c r="A34" s="24"/>
      <c r="B34" s="227" t="s">
        <v>58</v>
      </c>
      <c r="C34" s="227"/>
      <c r="D34" s="227"/>
      <c r="E34" s="227"/>
      <c r="F34" s="227"/>
      <c r="G34" s="227"/>
      <c r="H34" s="227"/>
      <c r="I34" s="227"/>
    </row>
    <row r="35" spans="1:9">
      <c r="A35" s="24"/>
      <c r="B35" s="227"/>
      <c r="C35" s="227"/>
      <c r="D35" s="227"/>
      <c r="E35" s="227"/>
      <c r="F35" s="227"/>
      <c r="G35" s="227"/>
      <c r="H35" s="227"/>
      <c r="I35" s="227"/>
    </row>
    <row r="36" spans="1:9">
      <c r="A36" s="24">
        <v>2</v>
      </c>
      <c r="B36" s="25" t="s">
        <v>227</v>
      </c>
      <c r="C36" s="227"/>
      <c r="D36" s="227"/>
      <c r="E36" s="227"/>
      <c r="F36" s="227"/>
      <c r="G36" s="227"/>
      <c r="H36" s="227"/>
      <c r="I36" s="227"/>
    </row>
    <row r="37" spans="1:9">
      <c r="A37" s="24"/>
      <c r="B37" s="227" t="s">
        <v>479</v>
      </c>
      <c r="C37" s="227"/>
      <c r="D37" s="227"/>
      <c r="E37" s="227"/>
      <c r="F37" s="227"/>
      <c r="G37" s="227"/>
      <c r="H37" s="227"/>
      <c r="I37" s="227"/>
    </row>
    <row r="38" spans="1:9">
      <c r="A38" s="24"/>
      <c r="B38" s="313"/>
      <c r="C38" s="313"/>
      <c r="D38" s="313"/>
      <c r="E38" s="313"/>
      <c r="F38" s="313"/>
      <c r="G38" s="313"/>
      <c r="H38" s="313"/>
      <c r="I38" s="313"/>
    </row>
    <row r="39" spans="1:9">
      <c r="A39" s="24">
        <v>2</v>
      </c>
      <c r="B39" s="25" t="s">
        <v>517</v>
      </c>
      <c r="C39" s="313"/>
      <c r="D39" s="313"/>
      <c r="E39" s="313"/>
      <c r="F39" s="313"/>
      <c r="G39" s="313"/>
      <c r="H39" s="313"/>
      <c r="I39" s="313"/>
    </row>
    <row r="40" spans="1:9">
      <c r="A40" s="24"/>
      <c r="B40" s="313" t="s">
        <v>518</v>
      </c>
      <c r="C40" s="313"/>
      <c r="D40" s="313"/>
      <c r="E40" s="313"/>
      <c r="F40" s="313"/>
      <c r="G40" s="313"/>
      <c r="H40" s="313"/>
      <c r="I40" s="313"/>
    </row>
    <row r="41" spans="1:9">
      <c r="A41" s="24"/>
      <c r="B41" s="227"/>
      <c r="C41" s="227"/>
      <c r="D41" s="227"/>
      <c r="E41" s="227"/>
      <c r="F41" s="227"/>
      <c r="G41" s="227"/>
      <c r="H41" s="227"/>
      <c r="I41" s="227"/>
    </row>
    <row r="42" spans="1:9" s="15" customFormat="1" ht="18.75">
      <c r="A42" s="328" t="s">
        <v>18</v>
      </c>
      <c r="B42" s="328"/>
      <c r="C42" s="328"/>
      <c r="D42" s="26"/>
      <c r="E42" s="26"/>
      <c r="F42" s="26"/>
      <c r="G42" s="26"/>
      <c r="H42" s="26"/>
      <c r="I42" s="26"/>
    </row>
    <row r="43" spans="1:9" s="15" customFormat="1" ht="18.75">
      <c r="A43" s="31"/>
      <c r="B43" s="31"/>
      <c r="C43" s="31"/>
      <c r="D43" s="26"/>
      <c r="E43" s="26"/>
      <c r="F43" s="26"/>
      <c r="G43" s="26"/>
      <c r="H43" s="26"/>
      <c r="I43" s="26"/>
    </row>
    <row r="44" spans="1:9" s="15" customFormat="1" ht="18.75">
      <c r="A44" s="330" t="s">
        <v>41</v>
      </c>
      <c r="B44" s="330"/>
      <c r="C44" s="31"/>
      <c r="D44" s="26"/>
      <c r="E44" s="26"/>
      <c r="F44" s="26"/>
      <c r="G44" s="26"/>
      <c r="H44" s="26"/>
      <c r="I44" s="26"/>
    </row>
    <row r="45" spans="1:9" s="15" customFormat="1" ht="18.75">
      <c r="A45" s="31"/>
      <c r="B45" s="31"/>
      <c r="C45" s="31"/>
      <c r="D45" s="26"/>
      <c r="E45" s="26"/>
      <c r="F45" s="26"/>
      <c r="G45" s="26"/>
      <c r="H45" s="26"/>
      <c r="I45" s="26"/>
    </row>
    <row r="46" spans="1:9">
      <c r="A46" s="24">
        <v>3</v>
      </c>
      <c r="B46" s="236" t="s">
        <v>1</v>
      </c>
      <c r="C46" s="227"/>
      <c r="D46" s="227"/>
      <c r="E46" s="227"/>
      <c r="F46" s="227"/>
      <c r="G46" s="227"/>
      <c r="H46" s="227"/>
      <c r="I46" s="227"/>
    </row>
    <row r="47" spans="1:9">
      <c r="A47" s="21"/>
      <c r="B47" s="324" t="s">
        <v>20</v>
      </c>
      <c r="C47" s="325"/>
      <c r="D47" s="325"/>
      <c r="E47" s="325"/>
      <c r="F47" s="25"/>
      <c r="G47" s="227"/>
      <c r="H47" s="227"/>
      <c r="I47" s="227"/>
    </row>
    <row r="48" spans="1:9">
      <c r="A48" s="21"/>
      <c r="B48" s="226"/>
      <c r="C48" s="227"/>
      <c r="D48" s="227"/>
      <c r="E48" s="227"/>
      <c r="F48" s="25"/>
      <c r="G48" s="227"/>
      <c r="H48" s="227"/>
      <c r="I48" s="227"/>
    </row>
    <row r="49" spans="1:9">
      <c r="A49" s="21">
        <v>3</v>
      </c>
      <c r="B49" s="29" t="s">
        <v>34</v>
      </c>
      <c r="C49" s="227"/>
      <c r="D49" s="227"/>
      <c r="E49" s="227"/>
      <c r="F49" s="25"/>
      <c r="G49" s="227"/>
      <c r="H49" s="227"/>
      <c r="I49" s="227"/>
    </row>
    <row r="50" spans="1:9">
      <c r="A50" s="21"/>
      <c r="B50" s="314" t="s">
        <v>533</v>
      </c>
      <c r="C50" s="227"/>
      <c r="D50" s="227"/>
      <c r="E50" s="227"/>
      <c r="F50" s="25"/>
      <c r="G50" s="227"/>
      <c r="H50" s="227"/>
      <c r="I50" s="227"/>
    </row>
    <row r="51" spans="1:9">
      <c r="A51" s="21"/>
      <c r="B51" s="226"/>
      <c r="C51" s="227"/>
      <c r="D51" s="227"/>
      <c r="E51" s="227"/>
      <c r="F51" s="25"/>
      <c r="G51" s="227"/>
      <c r="H51" s="227"/>
      <c r="I51" s="227"/>
    </row>
    <row r="52" spans="1:9">
      <c r="A52" s="21">
        <v>3</v>
      </c>
      <c r="B52" s="29" t="s">
        <v>35</v>
      </c>
      <c r="C52" s="227"/>
      <c r="D52" s="227"/>
      <c r="E52" s="227"/>
      <c r="F52" s="25"/>
      <c r="G52" s="227"/>
      <c r="H52" s="227"/>
      <c r="I52" s="227"/>
    </row>
    <row r="53" spans="1:9">
      <c r="A53" s="21"/>
      <c r="B53" s="314" t="s">
        <v>534</v>
      </c>
      <c r="C53" s="227"/>
      <c r="D53" s="227"/>
      <c r="E53" s="227"/>
      <c r="F53" s="25"/>
      <c r="G53" s="227"/>
      <c r="H53" s="227"/>
      <c r="I53" s="227"/>
    </row>
    <row r="54" spans="1:9">
      <c r="A54" s="21"/>
      <c r="B54" s="226"/>
      <c r="C54" s="227"/>
      <c r="D54" s="227"/>
      <c r="E54" s="227"/>
      <c r="F54" s="25"/>
      <c r="G54" s="227"/>
      <c r="H54" s="227"/>
      <c r="I54" s="227"/>
    </row>
    <row r="55" spans="1:9">
      <c r="A55" s="24">
        <v>3</v>
      </c>
      <c r="B55" s="29" t="s">
        <v>10</v>
      </c>
      <c r="C55" s="227"/>
      <c r="D55" s="227"/>
      <c r="E55" s="227"/>
      <c r="F55" s="227"/>
      <c r="G55" s="227"/>
      <c r="H55" s="227"/>
      <c r="I55" s="227"/>
    </row>
    <row r="56" spans="1:9">
      <c r="A56" s="21"/>
      <c r="B56" s="324" t="s">
        <v>21</v>
      </c>
      <c r="C56" s="325"/>
      <c r="D56" s="227"/>
      <c r="E56" s="227"/>
      <c r="F56" s="227"/>
      <c r="G56" s="227"/>
      <c r="H56" s="227"/>
      <c r="I56" s="227"/>
    </row>
    <row r="57" spans="1:9">
      <c r="A57" s="21"/>
      <c r="B57" s="226"/>
      <c r="C57" s="227"/>
      <c r="D57" s="227"/>
      <c r="E57" s="227"/>
      <c r="F57" s="227"/>
      <c r="G57" s="227"/>
      <c r="H57" s="227"/>
      <c r="I57" s="227"/>
    </row>
    <row r="58" spans="1:9">
      <c r="A58" s="21">
        <v>3</v>
      </c>
      <c r="B58" s="29" t="s">
        <v>36</v>
      </c>
      <c r="C58" s="227"/>
      <c r="D58" s="227"/>
      <c r="E58" s="227"/>
      <c r="F58" s="227"/>
      <c r="G58" s="227"/>
      <c r="H58" s="227"/>
      <c r="I58" s="227"/>
    </row>
    <row r="59" spans="1:9">
      <c r="A59" s="21"/>
      <c r="B59" s="314" t="s">
        <v>535</v>
      </c>
      <c r="C59" s="227"/>
      <c r="D59" s="227"/>
      <c r="E59" s="227"/>
      <c r="F59" s="227"/>
      <c r="G59" s="227"/>
      <c r="H59" s="227"/>
      <c r="I59" s="227"/>
    </row>
    <row r="60" spans="1:9" ht="21">
      <c r="A60" s="28"/>
      <c r="B60" s="227"/>
      <c r="C60" s="227"/>
      <c r="D60" s="227"/>
      <c r="E60" s="227"/>
      <c r="F60" s="227"/>
      <c r="G60" s="227"/>
      <c r="H60" s="227"/>
      <c r="I60" s="227"/>
    </row>
    <row r="61" spans="1:9" s="15" customFormat="1" ht="18.75">
      <c r="A61" s="330" t="s">
        <v>40</v>
      </c>
      <c r="B61" s="330"/>
      <c r="C61" s="31"/>
      <c r="D61" s="26"/>
      <c r="E61" s="26"/>
      <c r="F61" s="26"/>
      <c r="G61" s="26"/>
      <c r="H61" s="26"/>
      <c r="I61" s="26"/>
    </row>
    <row r="62" spans="1:9" s="15" customFormat="1" ht="18.75">
      <c r="A62" s="31"/>
      <c r="B62" s="31"/>
      <c r="C62" s="31"/>
      <c r="D62" s="26"/>
      <c r="E62" s="26"/>
      <c r="F62" s="26"/>
      <c r="G62" s="26"/>
      <c r="H62" s="26"/>
      <c r="I62" s="26"/>
    </row>
    <row r="63" spans="1:9">
      <c r="A63" s="24">
        <v>4</v>
      </c>
      <c r="B63" s="235" t="s">
        <v>3</v>
      </c>
      <c r="C63" s="227"/>
      <c r="D63" s="227"/>
      <c r="E63" s="227"/>
      <c r="F63" s="227"/>
      <c r="G63" s="227"/>
      <c r="H63" s="227"/>
      <c r="I63" s="227"/>
    </row>
    <row r="64" spans="1:9">
      <c r="A64" s="21"/>
      <c r="B64" s="324" t="s">
        <v>19</v>
      </c>
      <c r="C64" s="325"/>
      <c r="D64" s="325"/>
      <c r="E64" s="227"/>
      <c r="F64" s="227"/>
      <c r="G64" s="227"/>
      <c r="H64" s="227"/>
      <c r="I64" s="227"/>
    </row>
    <row r="65" spans="1:9">
      <c r="A65" s="21"/>
      <c r="B65" s="324" t="s">
        <v>31</v>
      </c>
      <c r="C65" s="325"/>
      <c r="D65" s="325"/>
      <c r="E65" s="227"/>
      <c r="F65" s="227"/>
      <c r="G65" s="227"/>
      <c r="H65" s="227"/>
      <c r="I65" s="227"/>
    </row>
    <row r="66" spans="1:9" ht="21">
      <c r="A66" s="28"/>
      <c r="B66" s="227"/>
      <c r="C66" s="227"/>
      <c r="D66" s="227"/>
      <c r="E66" s="227"/>
      <c r="F66" s="227"/>
      <c r="G66" s="227"/>
      <c r="H66" s="227"/>
      <c r="I66" s="227"/>
    </row>
    <row r="67" spans="1:9">
      <c r="A67" s="24">
        <v>4</v>
      </c>
      <c r="B67" s="29" t="s">
        <v>205</v>
      </c>
      <c r="C67" s="227"/>
      <c r="D67" s="227"/>
      <c r="E67" s="227"/>
      <c r="F67" s="227"/>
      <c r="G67" s="227"/>
      <c r="H67" s="227"/>
      <c r="I67" s="227"/>
    </row>
    <row r="68" spans="1:9">
      <c r="A68" s="21"/>
      <c r="B68" s="324" t="s">
        <v>215</v>
      </c>
      <c r="C68" s="325"/>
      <c r="D68" s="227"/>
      <c r="E68" s="227"/>
      <c r="F68" s="227"/>
      <c r="G68" s="227"/>
      <c r="H68" s="227"/>
      <c r="I68" s="227"/>
    </row>
    <row r="69" spans="1:9">
      <c r="A69" s="21"/>
      <c r="B69" s="324" t="s">
        <v>216</v>
      </c>
      <c r="C69" s="325"/>
      <c r="D69" s="325"/>
      <c r="E69" s="325"/>
      <c r="F69" s="227"/>
      <c r="G69" s="227"/>
      <c r="H69" s="227"/>
      <c r="I69" s="227"/>
    </row>
    <row r="70" spans="1:9" ht="21">
      <c r="A70" s="28"/>
      <c r="B70" s="227"/>
      <c r="C70" s="227"/>
      <c r="D70" s="227"/>
      <c r="E70" s="227"/>
      <c r="F70" s="227"/>
      <c r="G70" s="227"/>
      <c r="H70" s="227"/>
      <c r="I70" s="227"/>
    </row>
    <row r="71" spans="1:9">
      <c r="A71" s="24">
        <v>4</v>
      </c>
      <c r="B71" s="29" t="s">
        <v>37</v>
      </c>
      <c r="C71" s="227"/>
      <c r="D71" s="227"/>
      <c r="E71" s="227"/>
      <c r="F71" s="227"/>
      <c r="G71" s="227"/>
      <c r="H71" s="227"/>
      <c r="I71" s="227"/>
    </row>
    <row r="72" spans="1:9">
      <c r="A72" s="21"/>
      <c r="B72" s="324" t="s">
        <v>61</v>
      </c>
      <c r="C72" s="325"/>
      <c r="D72" s="325"/>
      <c r="E72" s="325"/>
      <c r="F72" s="25"/>
      <c r="G72" s="227"/>
      <c r="H72" s="227"/>
      <c r="I72" s="227"/>
    </row>
    <row r="73" spans="1:9">
      <c r="A73" s="21"/>
      <c r="B73" s="324"/>
      <c r="C73" s="325"/>
      <c r="D73" s="325"/>
      <c r="E73" s="325"/>
      <c r="F73" s="227"/>
      <c r="G73" s="25"/>
      <c r="H73" s="227"/>
      <c r="I73" s="227"/>
    </row>
    <row r="74" spans="1:9">
      <c r="A74" s="21">
        <v>4</v>
      </c>
      <c r="B74" s="29" t="s">
        <v>38</v>
      </c>
      <c r="C74" s="227"/>
      <c r="D74" s="227"/>
      <c r="E74" s="227"/>
      <c r="F74" s="227"/>
      <c r="G74" s="25"/>
      <c r="H74" s="227"/>
      <c r="I74" s="227"/>
    </row>
    <row r="75" spans="1:9">
      <c r="A75" s="21"/>
      <c r="B75" s="314" t="s">
        <v>536</v>
      </c>
      <c r="C75" s="227"/>
      <c r="D75" s="227"/>
      <c r="E75" s="227"/>
      <c r="F75" s="227"/>
      <c r="G75" s="25"/>
      <c r="H75" s="227"/>
      <c r="I75" s="227"/>
    </row>
    <row r="76" spans="1:9">
      <c r="A76" s="21"/>
      <c r="B76" s="226"/>
      <c r="C76" s="227"/>
      <c r="D76" s="227"/>
      <c r="E76" s="227"/>
      <c r="F76" s="227"/>
      <c r="G76" s="25"/>
      <c r="H76" s="227"/>
      <c r="I76" s="227"/>
    </row>
    <row r="77" spans="1:9">
      <c r="A77" s="24">
        <v>4</v>
      </c>
      <c r="B77" s="29" t="s">
        <v>4</v>
      </c>
      <c r="C77" s="227"/>
      <c r="D77" s="227"/>
      <c r="E77" s="227"/>
      <c r="F77" s="227"/>
      <c r="G77" s="227"/>
      <c r="H77" s="227"/>
      <c r="I77" s="227"/>
    </row>
    <row r="78" spans="1:9">
      <c r="A78" s="21"/>
      <c r="B78" s="324" t="s">
        <v>22</v>
      </c>
      <c r="C78" s="325"/>
      <c r="D78" s="325"/>
      <c r="E78" s="227"/>
      <c r="F78" s="227"/>
      <c r="G78" s="227"/>
      <c r="H78" s="227"/>
      <c r="I78" s="227"/>
    </row>
    <row r="79" spans="1:9">
      <c r="A79" s="21"/>
      <c r="B79" s="226"/>
      <c r="C79" s="227"/>
      <c r="D79" s="227"/>
      <c r="E79" s="227"/>
      <c r="F79" s="227"/>
      <c r="G79" s="227"/>
      <c r="H79" s="227"/>
      <c r="I79" s="227"/>
    </row>
    <row r="80" spans="1:9">
      <c r="A80" s="24">
        <v>4</v>
      </c>
      <c r="B80" s="29" t="s">
        <v>519</v>
      </c>
      <c r="C80" s="313"/>
      <c r="D80" s="313"/>
      <c r="E80" s="313"/>
      <c r="F80" s="313"/>
      <c r="G80" s="313"/>
      <c r="H80" s="313"/>
      <c r="I80" s="313"/>
    </row>
    <row r="81" spans="1:9">
      <c r="A81" s="21"/>
      <c r="B81" s="324" t="s">
        <v>520</v>
      </c>
      <c r="C81" s="325"/>
      <c r="D81" s="325"/>
      <c r="E81" s="313"/>
      <c r="F81" s="313"/>
      <c r="G81" s="313"/>
      <c r="H81" s="313"/>
      <c r="I81" s="313"/>
    </row>
    <row r="82" spans="1:9">
      <c r="A82" s="21"/>
      <c r="B82" s="312"/>
      <c r="C82" s="313"/>
      <c r="D82" s="313"/>
      <c r="E82" s="313"/>
      <c r="F82" s="313"/>
      <c r="G82" s="313"/>
      <c r="H82" s="313"/>
      <c r="I82" s="313"/>
    </row>
    <row r="83" spans="1:9">
      <c r="A83" s="326" t="s">
        <v>62</v>
      </c>
      <c r="B83" s="326"/>
      <c r="C83" s="227"/>
      <c r="D83" s="227"/>
      <c r="E83" s="227"/>
      <c r="F83" s="227"/>
      <c r="G83" s="227"/>
      <c r="H83" s="227"/>
      <c r="I83" s="227"/>
    </row>
    <row r="84" spans="1:9">
      <c r="A84" s="21"/>
      <c r="B84" s="226"/>
      <c r="C84" s="227"/>
      <c r="D84" s="227"/>
      <c r="E84" s="227"/>
      <c r="F84" s="227"/>
      <c r="G84" s="227"/>
      <c r="H84" s="227"/>
      <c r="I84" s="227"/>
    </row>
    <row r="85" spans="1:9">
      <c r="A85" s="24">
        <v>5</v>
      </c>
      <c r="B85" s="236" t="s">
        <v>11</v>
      </c>
      <c r="C85" s="227"/>
      <c r="D85" s="227"/>
      <c r="E85" s="227"/>
      <c r="F85" s="227"/>
      <c r="G85" s="227"/>
      <c r="H85" s="227"/>
      <c r="I85" s="227"/>
    </row>
    <row r="86" spans="1:9">
      <c r="A86" s="21"/>
      <c r="B86" s="324" t="s">
        <v>23</v>
      </c>
      <c r="C86" s="325"/>
      <c r="D86" s="325"/>
      <c r="E86" s="227"/>
      <c r="F86" s="227"/>
      <c r="G86" s="227"/>
      <c r="H86" s="227"/>
      <c r="I86" s="227"/>
    </row>
    <row r="87" spans="1:9">
      <c r="A87" s="21"/>
      <c r="B87" s="226"/>
      <c r="C87" s="227"/>
      <c r="D87" s="227"/>
      <c r="E87" s="227"/>
      <c r="F87" s="227"/>
      <c r="G87" s="227"/>
      <c r="H87" s="227"/>
      <c r="I87" s="227"/>
    </row>
    <row r="88" spans="1:9">
      <c r="A88" s="21">
        <v>5</v>
      </c>
      <c r="B88" s="29" t="s">
        <v>42</v>
      </c>
      <c r="C88" s="227"/>
      <c r="D88" s="227"/>
      <c r="E88" s="227"/>
      <c r="F88" s="227"/>
      <c r="G88" s="227"/>
      <c r="H88" s="227"/>
      <c r="I88" s="227"/>
    </row>
    <row r="89" spans="1:9">
      <c r="A89" s="21"/>
      <c r="B89" s="314" t="s">
        <v>537</v>
      </c>
      <c r="C89" s="227"/>
      <c r="D89" s="227"/>
      <c r="E89" s="227"/>
      <c r="F89" s="227"/>
      <c r="G89" s="227"/>
      <c r="H89" s="227"/>
      <c r="I89" s="227"/>
    </row>
    <row r="90" spans="1:9">
      <c r="A90" s="21"/>
      <c r="B90" s="227"/>
      <c r="C90" s="227"/>
      <c r="D90" s="227"/>
      <c r="E90" s="227"/>
      <c r="F90" s="227"/>
      <c r="G90" s="227"/>
      <c r="H90" s="227"/>
      <c r="I90" s="227"/>
    </row>
    <row r="91" spans="1:9">
      <c r="A91" s="24">
        <v>5</v>
      </c>
      <c r="B91" s="29" t="s">
        <v>231</v>
      </c>
      <c r="C91" s="227"/>
      <c r="D91" s="227"/>
      <c r="E91" s="227"/>
      <c r="F91" s="227"/>
      <c r="G91" s="227"/>
      <c r="H91" s="227"/>
      <c r="I91" s="227"/>
    </row>
    <row r="92" spans="1:9">
      <c r="A92" s="21"/>
      <c r="B92" s="324" t="s">
        <v>63</v>
      </c>
      <c r="C92" s="325"/>
      <c r="D92" s="325"/>
      <c r="E92" s="227"/>
      <c r="F92" s="227"/>
      <c r="G92" s="227"/>
      <c r="H92" s="227"/>
      <c r="I92" s="227"/>
    </row>
    <row r="93" spans="1:9">
      <c r="A93" s="21"/>
      <c r="B93" s="324"/>
      <c r="C93" s="325"/>
      <c r="D93" s="325"/>
      <c r="E93" s="227"/>
      <c r="F93" s="227"/>
      <c r="G93" s="227"/>
      <c r="H93" s="227"/>
      <c r="I93" s="227"/>
    </row>
    <row r="94" spans="1:9">
      <c r="A94" s="21">
        <v>5</v>
      </c>
      <c r="B94" s="29" t="s">
        <v>43</v>
      </c>
      <c r="C94" s="227"/>
      <c r="D94" s="227"/>
      <c r="E94" s="227"/>
      <c r="F94" s="227"/>
      <c r="G94" s="227"/>
      <c r="H94" s="227"/>
      <c r="I94" s="227"/>
    </row>
    <row r="95" spans="1:9">
      <c r="A95" s="21"/>
      <c r="B95" s="324" t="s">
        <v>63</v>
      </c>
      <c r="C95" s="325"/>
      <c r="D95" s="325"/>
      <c r="E95" s="227"/>
      <c r="F95" s="227"/>
      <c r="G95" s="227"/>
      <c r="H95" s="227"/>
      <c r="I95" s="227"/>
    </row>
    <row r="96" spans="1:9">
      <c r="A96" s="21"/>
      <c r="B96" s="226"/>
      <c r="C96" s="227"/>
      <c r="D96" s="227"/>
      <c r="E96" s="227"/>
      <c r="F96" s="227"/>
      <c r="G96" s="227"/>
      <c r="H96" s="227"/>
      <c r="I96" s="227"/>
    </row>
    <row r="97" spans="1:9">
      <c r="A97" s="21">
        <v>5</v>
      </c>
      <c r="B97" s="29" t="s">
        <v>521</v>
      </c>
      <c r="C97" s="313"/>
      <c r="D97" s="313"/>
      <c r="E97" s="313"/>
      <c r="F97" s="313"/>
      <c r="G97" s="313"/>
      <c r="H97" s="313"/>
      <c r="I97" s="313"/>
    </row>
    <row r="98" spans="1:9">
      <c r="A98" s="21"/>
      <c r="B98" s="324" t="s">
        <v>522</v>
      </c>
      <c r="C98" s="325"/>
      <c r="D98" s="325"/>
      <c r="E98" s="313"/>
      <c r="F98" s="313"/>
      <c r="G98" s="313"/>
      <c r="H98" s="313"/>
      <c r="I98" s="313"/>
    </row>
    <row r="99" spans="1:9">
      <c r="A99" s="21"/>
      <c r="B99" s="312"/>
      <c r="C99" s="313"/>
      <c r="D99" s="313"/>
      <c r="E99" s="313"/>
      <c r="F99" s="313"/>
      <c r="G99" s="313"/>
      <c r="H99" s="313"/>
      <c r="I99" s="313"/>
    </row>
    <row r="100" spans="1:9">
      <c r="A100" s="326" t="s">
        <v>44</v>
      </c>
      <c r="B100" s="326"/>
      <c r="C100" s="227"/>
      <c r="D100" s="227"/>
      <c r="E100" s="227"/>
      <c r="F100" s="227"/>
      <c r="G100" s="227"/>
      <c r="H100" s="227"/>
      <c r="I100" s="227"/>
    </row>
    <row r="101" spans="1:9">
      <c r="A101" s="21"/>
      <c r="B101" s="226"/>
      <c r="C101" s="227"/>
      <c r="D101" s="227"/>
      <c r="E101" s="227"/>
      <c r="F101" s="227"/>
      <c r="G101" s="227"/>
      <c r="H101" s="227"/>
      <c r="I101" s="227"/>
    </row>
    <row r="102" spans="1:9">
      <c r="A102" s="24">
        <v>6</v>
      </c>
      <c r="B102" s="236" t="s">
        <v>12</v>
      </c>
      <c r="C102" s="227"/>
      <c r="D102" s="227"/>
      <c r="E102" s="227"/>
      <c r="F102" s="227"/>
      <c r="G102" s="227"/>
      <c r="H102" s="227"/>
      <c r="I102" s="227"/>
    </row>
    <row r="103" spans="1:9">
      <c r="A103" s="21"/>
      <c r="B103" s="324" t="s">
        <v>24</v>
      </c>
      <c r="C103" s="325"/>
      <c r="D103" s="325"/>
      <c r="E103" s="227"/>
      <c r="F103" s="227"/>
      <c r="G103" s="227"/>
      <c r="H103" s="227"/>
      <c r="I103" s="227"/>
    </row>
    <row r="104" spans="1:9">
      <c r="A104" s="21"/>
      <c r="B104" s="324"/>
      <c r="C104" s="325"/>
      <c r="D104" s="325"/>
      <c r="E104" s="227"/>
      <c r="F104" s="227"/>
      <c r="G104" s="227"/>
      <c r="H104" s="227"/>
      <c r="I104" s="227"/>
    </row>
    <row r="105" spans="1:9">
      <c r="A105" s="21">
        <v>6</v>
      </c>
      <c r="B105" s="29" t="s">
        <v>45</v>
      </c>
      <c r="C105" s="227"/>
      <c r="D105" s="227"/>
      <c r="E105" s="227"/>
      <c r="F105" s="227"/>
      <c r="G105" s="227"/>
      <c r="H105" s="227"/>
      <c r="I105" s="227"/>
    </row>
    <row r="106" spans="1:9">
      <c r="A106" s="21"/>
      <c r="B106" s="314" t="s">
        <v>539</v>
      </c>
      <c r="C106" s="227"/>
      <c r="D106" s="227"/>
      <c r="E106" s="227"/>
      <c r="F106" s="227"/>
      <c r="G106" s="227"/>
      <c r="H106" s="227"/>
      <c r="I106" s="227"/>
    </row>
    <row r="107" spans="1:9">
      <c r="A107" s="21"/>
      <c r="B107" s="227"/>
      <c r="C107" s="227"/>
      <c r="D107" s="227"/>
      <c r="E107" s="227"/>
      <c r="F107" s="227"/>
      <c r="G107" s="227"/>
      <c r="H107" s="227"/>
      <c r="I107" s="227"/>
    </row>
    <row r="108" spans="1:9">
      <c r="A108" s="24">
        <v>6</v>
      </c>
      <c r="B108" s="29" t="s">
        <v>233</v>
      </c>
      <c r="C108" s="227"/>
      <c r="D108" s="227"/>
      <c r="E108" s="227"/>
      <c r="F108" s="227"/>
      <c r="G108" s="227"/>
      <c r="H108" s="227"/>
      <c r="I108" s="227"/>
    </row>
    <row r="109" spans="1:9">
      <c r="A109" s="21"/>
      <c r="B109" s="324" t="s">
        <v>25</v>
      </c>
      <c r="C109" s="325"/>
      <c r="D109" s="325"/>
      <c r="E109" s="227"/>
      <c r="F109" s="227"/>
      <c r="G109" s="227"/>
      <c r="H109" s="227"/>
      <c r="I109" s="227"/>
    </row>
    <row r="110" spans="1:9">
      <c r="A110" s="21"/>
      <c r="B110" s="324"/>
      <c r="C110" s="325"/>
      <c r="D110" s="325"/>
      <c r="E110" s="227"/>
      <c r="F110" s="227"/>
      <c r="G110" s="227"/>
      <c r="H110" s="227"/>
      <c r="I110" s="227"/>
    </row>
    <row r="111" spans="1:9">
      <c r="A111" s="21">
        <v>6</v>
      </c>
      <c r="B111" s="29" t="s">
        <v>46</v>
      </c>
      <c r="C111" s="227"/>
      <c r="D111" s="227"/>
      <c r="E111" s="227"/>
      <c r="F111" s="227"/>
      <c r="G111" s="227"/>
      <c r="H111" s="227"/>
      <c r="I111" s="227"/>
    </row>
    <row r="112" spans="1:9">
      <c r="A112" s="21"/>
      <c r="B112" s="314" t="s">
        <v>538</v>
      </c>
      <c r="C112" s="227"/>
      <c r="D112" s="227"/>
      <c r="E112" s="227"/>
      <c r="F112" s="227"/>
      <c r="G112" s="227"/>
      <c r="H112" s="227"/>
      <c r="I112" s="227"/>
    </row>
    <row r="113" spans="1:9">
      <c r="A113" s="21"/>
      <c r="B113" s="226"/>
      <c r="C113" s="227"/>
      <c r="D113" s="227"/>
      <c r="E113" s="227"/>
      <c r="F113" s="227"/>
      <c r="G113" s="227"/>
      <c r="H113" s="227"/>
      <c r="I113" s="227"/>
    </row>
    <row r="114" spans="1:9">
      <c r="A114" s="21">
        <v>6</v>
      </c>
      <c r="B114" s="29" t="s">
        <v>480</v>
      </c>
      <c r="C114" s="269"/>
      <c r="D114" s="269"/>
      <c r="E114" s="269"/>
      <c r="F114" s="269"/>
      <c r="G114" s="269"/>
      <c r="H114" s="269"/>
      <c r="I114" s="269"/>
    </row>
    <row r="115" spans="1:9">
      <c r="A115" s="21"/>
      <c r="B115" s="312" t="s">
        <v>524</v>
      </c>
      <c r="C115" s="269"/>
      <c r="D115" s="269"/>
      <c r="E115" s="269"/>
      <c r="F115" s="269"/>
      <c r="G115" s="269"/>
      <c r="H115" s="269"/>
      <c r="I115" s="269"/>
    </row>
    <row r="116" spans="1:9">
      <c r="A116" s="21"/>
      <c r="B116" s="268"/>
      <c r="C116" s="269"/>
      <c r="D116" s="269"/>
      <c r="E116" s="269"/>
      <c r="F116" s="269"/>
      <c r="G116" s="269"/>
      <c r="H116" s="269"/>
      <c r="I116" s="269"/>
    </row>
    <row r="117" spans="1:9">
      <c r="A117" s="21">
        <v>6</v>
      </c>
      <c r="B117" s="25" t="s">
        <v>30</v>
      </c>
      <c r="C117" s="227"/>
      <c r="D117" s="227"/>
      <c r="E117" s="227"/>
      <c r="F117" s="227"/>
      <c r="G117" s="227"/>
      <c r="H117" s="227"/>
      <c r="I117" s="227"/>
    </row>
    <row r="118" spans="1:9">
      <c r="A118" s="24"/>
      <c r="B118" s="227" t="s">
        <v>64</v>
      </c>
      <c r="C118" s="227"/>
      <c r="D118" s="227"/>
      <c r="E118" s="227"/>
      <c r="F118" s="227"/>
      <c r="G118" s="227"/>
      <c r="H118" s="227"/>
      <c r="I118" s="227"/>
    </row>
    <row r="119" spans="1:9">
      <c r="A119" s="21"/>
      <c r="B119" s="324"/>
      <c r="C119" s="325"/>
      <c r="D119" s="325"/>
      <c r="E119" s="227"/>
      <c r="F119" s="227"/>
      <c r="G119" s="227"/>
      <c r="H119" s="227"/>
      <c r="I119" s="227"/>
    </row>
    <row r="120" spans="1:9">
      <c r="A120" s="21">
        <v>6</v>
      </c>
      <c r="B120" s="29" t="s">
        <v>13</v>
      </c>
      <c r="C120" s="227"/>
      <c r="D120" s="227"/>
      <c r="E120" s="227"/>
      <c r="F120" s="227"/>
      <c r="G120" s="227"/>
      <c r="H120" s="227"/>
      <c r="I120" s="227"/>
    </row>
    <row r="121" spans="1:9">
      <c r="A121" s="30"/>
      <c r="B121" s="324" t="s">
        <v>14</v>
      </c>
      <c r="C121" s="325"/>
      <c r="D121" s="325"/>
      <c r="E121" s="227"/>
      <c r="F121" s="227"/>
      <c r="G121" s="227"/>
      <c r="H121" s="227"/>
      <c r="I121" s="227"/>
    </row>
    <row r="122" spans="1:9">
      <c r="A122" s="30"/>
      <c r="B122" s="226"/>
      <c r="C122" s="227"/>
      <c r="D122" s="227"/>
      <c r="E122" s="227"/>
      <c r="F122" s="227"/>
      <c r="G122" s="227"/>
      <c r="H122" s="227"/>
      <c r="I122" s="227"/>
    </row>
    <row r="123" spans="1:9">
      <c r="A123" s="21">
        <v>6</v>
      </c>
      <c r="B123" s="29" t="s">
        <v>418</v>
      </c>
      <c r="C123" s="313"/>
      <c r="D123" s="313"/>
      <c r="E123" s="313"/>
      <c r="F123" s="313"/>
      <c r="G123" s="313"/>
      <c r="H123" s="313"/>
      <c r="I123" s="313"/>
    </row>
    <row r="124" spans="1:9">
      <c r="A124" s="30"/>
      <c r="B124" s="324" t="s">
        <v>523</v>
      </c>
      <c r="C124" s="325"/>
      <c r="D124" s="325"/>
      <c r="E124" s="313"/>
      <c r="F124" s="313"/>
      <c r="G124" s="313"/>
      <c r="H124" s="313"/>
      <c r="I124" s="313"/>
    </row>
    <row r="125" spans="1:9">
      <c r="A125" s="30"/>
      <c r="B125" s="312"/>
      <c r="C125" s="313"/>
      <c r="D125" s="313"/>
      <c r="E125" s="313"/>
      <c r="F125" s="313"/>
      <c r="G125" s="313"/>
      <c r="H125" s="313"/>
      <c r="I125" s="313"/>
    </row>
    <row r="126" spans="1:9">
      <c r="A126" s="326" t="s">
        <v>47</v>
      </c>
      <c r="B126" s="326"/>
      <c r="C126" s="34"/>
      <c r="D126" s="34"/>
      <c r="E126" s="227"/>
      <c r="F126" s="227"/>
      <c r="G126" s="227"/>
      <c r="H126" s="227"/>
      <c r="I126" s="227"/>
    </row>
    <row r="127" spans="1:9">
      <c r="A127" s="30"/>
      <c r="B127" s="29"/>
      <c r="C127" s="227"/>
      <c r="D127" s="227"/>
      <c r="E127" s="227"/>
      <c r="F127" s="227"/>
      <c r="G127" s="227"/>
      <c r="H127" s="227"/>
      <c r="I127" s="227"/>
    </row>
    <row r="128" spans="1:9">
      <c r="A128" s="24">
        <v>7</v>
      </c>
      <c r="B128" s="236" t="s">
        <v>236</v>
      </c>
      <c r="C128" s="227"/>
      <c r="D128" s="227"/>
      <c r="E128" s="227"/>
      <c r="F128" s="227"/>
      <c r="G128" s="227"/>
      <c r="H128" s="227"/>
      <c r="I128" s="227"/>
    </row>
    <row r="129" spans="1:9">
      <c r="A129" s="30"/>
      <c r="B129" s="324" t="s">
        <v>339</v>
      </c>
      <c r="C129" s="325"/>
      <c r="D129" s="325"/>
      <c r="E129" s="227"/>
      <c r="F129" s="227"/>
      <c r="G129" s="227"/>
      <c r="H129" s="227"/>
      <c r="I129" s="227"/>
    </row>
    <row r="130" spans="1:9">
      <c r="A130" s="30"/>
      <c r="B130" s="324"/>
      <c r="C130" s="325"/>
      <c r="D130" s="325"/>
      <c r="E130" s="227"/>
      <c r="F130" s="227"/>
      <c r="G130" s="227"/>
      <c r="H130" s="227"/>
      <c r="I130" s="227"/>
    </row>
    <row r="131" spans="1:9">
      <c r="A131" s="24">
        <v>7</v>
      </c>
      <c r="B131" s="29" t="s">
        <v>525</v>
      </c>
      <c r="C131" s="313"/>
      <c r="D131" s="313"/>
      <c r="E131" s="313"/>
      <c r="F131" s="313"/>
      <c r="G131" s="313"/>
      <c r="H131" s="313"/>
      <c r="I131" s="313"/>
    </row>
    <row r="132" spans="1:9">
      <c r="A132" s="30"/>
      <c r="B132" s="324" t="s">
        <v>526</v>
      </c>
      <c r="C132" s="325"/>
      <c r="D132" s="325"/>
      <c r="E132" s="313"/>
      <c r="F132" s="313"/>
      <c r="G132" s="313"/>
      <c r="H132" s="313"/>
      <c r="I132" s="313"/>
    </row>
    <row r="133" spans="1:9">
      <c r="A133" s="30"/>
      <c r="B133" s="324"/>
      <c r="C133" s="325"/>
      <c r="D133" s="325"/>
      <c r="E133" s="313"/>
      <c r="F133" s="313"/>
      <c r="G133" s="313"/>
      <c r="H133" s="313"/>
      <c r="I133" s="313"/>
    </row>
    <row r="134" spans="1:9">
      <c r="A134" s="24">
        <v>7</v>
      </c>
      <c r="B134" s="29" t="s">
        <v>48</v>
      </c>
      <c r="C134" s="227"/>
      <c r="D134" s="227"/>
      <c r="E134" s="227"/>
      <c r="F134" s="227"/>
      <c r="G134" s="227"/>
      <c r="H134" s="227"/>
      <c r="I134" s="227"/>
    </row>
    <row r="135" spans="1:9">
      <c r="A135" s="30"/>
      <c r="B135" s="226" t="s">
        <v>65</v>
      </c>
      <c r="C135" s="227"/>
      <c r="D135" s="227"/>
      <c r="E135" s="227"/>
      <c r="F135" s="227"/>
      <c r="G135" s="227"/>
      <c r="H135" s="227"/>
      <c r="I135" s="227"/>
    </row>
    <row r="136" spans="1:9">
      <c r="A136" s="30"/>
      <c r="B136" s="226"/>
      <c r="C136" s="227"/>
      <c r="D136" s="227"/>
      <c r="E136" s="227"/>
      <c r="F136" s="227"/>
      <c r="G136" s="227"/>
      <c r="H136" s="227"/>
      <c r="I136" s="227"/>
    </row>
    <row r="137" spans="1:9">
      <c r="A137" s="24">
        <v>7</v>
      </c>
      <c r="B137" s="29" t="s">
        <v>527</v>
      </c>
      <c r="C137" s="313"/>
      <c r="D137" s="313"/>
      <c r="E137" s="313"/>
      <c r="F137" s="313"/>
      <c r="G137" s="313"/>
      <c r="H137" s="313"/>
      <c r="I137" s="313"/>
    </row>
    <row r="138" spans="1:9">
      <c r="A138" s="30"/>
      <c r="B138" s="324" t="s">
        <v>528</v>
      </c>
      <c r="C138" s="325"/>
      <c r="D138" s="325"/>
      <c r="E138" s="313"/>
      <c r="F138" s="313"/>
      <c r="G138" s="313"/>
      <c r="H138" s="313"/>
      <c r="I138" s="313"/>
    </row>
    <row r="139" spans="1:9">
      <c r="A139" s="30"/>
      <c r="B139" s="312"/>
      <c r="C139" s="313"/>
      <c r="D139" s="313"/>
      <c r="E139" s="313"/>
      <c r="F139" s="313"/>
      <c r="G139" s="313"/>
      <c r="H139" s="313"/>
      <c r="I139" s="313"/>
    </row>
    <row r="140" spans="1:9">
      <c r="A140" s="24">
        <v>7</v>
      </c>
      <c r="B140" s="29" t="s">
        <v>435</v>
      </c>
      <c r="C140" s="227"/>
      <c r="D140" s="227"/>
      <c r="E140" s="227"/>
      <c r="F140" s="227"/>
      <c r="G140" s="227"/>
      <c r="H140" s="227"/>
      <c r="I140" s="227"/>
    </row>
    <row r="141" spans="1:9">
      <c r="A141" s="30"/>
      <c r="B141" s="226" t="s">
        <v>66</v>
      </c>
      <c r="C141" s="227"/>
      <c r="D141" s="227"/>
      <c r="E141" s="227"/>
      <c r="F141" s="227"/>
      <c r="G141" s="227"/>
      <c r="H141" s="227"/>
      <c r="I141" s="227"/>
    </row>
    <row r="142" spans="1:9">
      <c r="A142" s="24"/>
      <c r="B142" s="226"/>
      <c r="C142" s="227"/>
      <c r="D142" s="227"/>
      <c r="E142" s="227"/>
      <c r="F142" s="227"/>
      <c r="G142" s="227"/>
      <c r="H142" s="227"/>
      <c r="I142" s="227"/>
    </row>
    <row r="143" spans="1:9">
      <c r="A143" s="24">
        <v>7</v>
      </c>
      <c r="B143" s="29" t="s">
        <v>529</v>
      </c>
      <c r="C143" s="313"/>
      <c r="D143" s="313"/>
      <c r="E143" s="313"/>
      <c r="F143" s="313"/>
      <c r="G143" s="313"/>
      <c r="H143" s="313"/>
      <c r="I143" s="313"/>
    </row>
    <row r="144" spans="1:9">
      <c r="A144" s="30"/>
      <c r="B144" s="324" t="s">
        <v>530</v>
      </c>
      <c r="C144" s="325"/>
      <c r="D144" s="325"/>
      <c r="E144" s="313"/>
      <c r="F144" s="313"/>
      <c r="G144" s="313"/>
      <c r="H144" s="313"/>
      <c r="I144" s="313"/>
    </row>
    <row r="145" spans="1:9">
      <c r="A145" s="24"/>
      <c r="B145" s="312"/>
      <c r="C145" s="313"/>
      <c r="D145" s="313"/>
      <c r="E145" s="313"/>
      <c r="F145" s="313"/>
      <c r="G145" s="313"/>
      <c r="H145" s="313"/>
      <c r="I145" s="313"/>
    </row>
    <row r="146" spans="1:9">
      <c r="A146" s="24">
        <v>7</v>
      </c>
      <c r="B146" s="29" t="s">
        <v>238</v>
      </c>
      <c r="C146" s="227"/>
      <c r="D146" s="227"/>
      <c r="E146" s="227"/>
      <c r="F146" s="227"/>
      <c r="G146" s="227"/>
      <c r="H146" s="227"/>
      <c r="I146" s="227"/>
    </row>
    <row r="147" spans="1:9">
      <c r="A147" s="24"/>
      <c r="B147" s="268" t="s">
        <v>340</v>
      </c>
      <c r="C147" s="227"/>
      <c r="D147" s="227"/>
      <c r="E147" s="227"/>
      <c r="F147" s="227"/>
      <c r="G147" s="227"/>
      <c r="H147" s="227"/>
      <c r="I147" s="227"/>
    </row>
    <row r="148" spans="1:9">
      <c r="A148" s="24"/>
      <c r="B148" s="226"/>
      <c r="C148" s="227"/>
      <c r="D148" s="227"/>
      <c r="E148" s="227"/>
      <c r="F148" s="227"/>
      <c r="G148" s="227"/>
      <c r="H148" s="227"/>
      <c r="I148" s="227"/>
    </row>
    <row r="149" spans="1:9">
      <c r="A149" s="24">
        <v>7</v>
      </c>
      <c r="B149" s="29" t="s">
        <v>441</v>
      </c>
      <c r="C149" s="313"/>
      <c r="D149" s="313"/>
      <c r="E149" s="313"/>
      <c r="F149" s="313"/>
      <c r="G149" s="313"/>
      <c r="H149" s="313"/>
      <c r="I149" s="313"/>
    </row>
    <row r="150" spans="1:9">
      <c r="A150" s="30"/>
      <c r="B150" s="324" t="s">
        <v>531</v>
      </c>
      <c r="C150" s="325"/>
      <c r="D150" s="325"/>
      <c r="E150" s="313"/>
      <c r="F150" s="313"/>
      <c r="G150" s="313"/>
      <c r="H150" s="313"/>
      <c r="I150" s="313"/>
    </row>
    <row r="151" spans="1:9">
      <c r="A151" s="24"/>
      <c r="B151" s="312"/>
      <c r="C151" s="313"/>
      <c r="D151" s="313"/>
      <c r="E151" s="313"/>
      <c r="F151" s="313"/>
      <c r="G151" s="313"/>
      <c r="H151" s="313"/>
      <c r="I151" s="313"/>
    </row>
    <row r="152" spans="1:9">
      <c r="A152" s="24">
        <v>7</v>
      </c>
      <c r="B152" s="29" t="s">
        <v>444</v>
      </c>
      <c r="C152" s="313"/>
      <c r="D152" s="313"/>
      <c r="E152" s="313"/>
      <c r="F152" s="313"/>
      <c r="G152" s="313"/>
      <c r="H152" s="313"/>
      <c r="I152" s="313"/>
    </row>
    <row r="153" spans="1:9">
      <c r="A153" s="30"/>
      <c r="B153" s="314" t="s">
        <v>540</v>
      </c>
      <c r="C153" s="313"/>
      <c r="D153" s="313"/>
      <c r="E153" s="313"/>
      <c r="F153" s="313"/>
      <c r="G153" s="313"/>
      <c r="H153" s="313"/>
      <c r="I153" s="313"/>
    </row>
    <row r="154" spans="1:9">
      <c r="A154" s="30"/>
      <c r="B154" s="312"/>
      <c r="C154" s="313"/>
      <c r="D154" s="313"/>
      <c r="E154" s="313"/>
      <c r="F154" s="313"/>
      <c r="G154" s="313"/>
      <c r="H154" s="313"/>
      <c r="I154" s="313"/>
    </row>
    <row r="155" spans="1:9">
      <c r="A155" s="24">
        <v>7</v>
      </c>
      <c r="B155" s="29" t="s">
        <v>15</v>
      </c>
      <c r="C155" s="227"/>
      <c r="D155" s="227"/>
      <c r="E155" s="227"/>
      <c r="F155" s="227"/>
      <c r="G155" s="227"/>
      <c r="H155" s="227"/>
      <c r="I155" s="227"/>
    </row>
    <row r="156" spans="1:9">
      <c r="A156" s="30"/>
      <c r="B156" s="324" t="s">
        <v>26</v>
      </c>
      <c r="C156" s="325"/>
      <c r="D156" s="325"/>
      <c r="E156" s="227"/>
      <c r="F156" s="227"/>
      <c r="G156" s="227"/>
      <c r="H156" s="227"/>
      <c r="I156" s="227"/>
    </row>
    <row r="157" spans="1:9">
      <c r="A157" s="24"/>
      <c r="B157" s="226"/>
      <c r="C157" s="227"/>
      <c r="D157" s="227"/>
      <c r="E157" s="227"/>
      <c r="F157" s="227"/>
      <c r="G157" s="227"/>
      <c r="H157" s="227"/>
      <c r="I157" s="227"/>
    </row>
    <row r="158" spans="1:9">
      <c r="A158" s="24">
        <v>7</v>
      </c>
      <c r="B158" s="29" t="s">
        <v>67</v>
      </c>
      <c r="C158" s="227"/>
      <c r="D158" s="227"/>
      <c r="E158" s="227"/>
      <c r="F158" s="227"/>
      <c r="G158" s="227"/>
      <c r="H158" s="227"/>
      <c r="I158" s="227"/>
    </row>
    <row r="159" spans="1:9">
      <c r="A159" s="30"/>
      <c r="B159" s="314" t="s">
        <v>541</v>
      </c>
      <c r="C159" s="227"/>
      <c r="D159" s="227"/>
      <c r="E159" s="227"/>
      <c r="F159" s="227"/>
      <c r="G159" s="227"/>
      <c r="H159" s="227"/>
      <c r="I159" s="227"/>
    </row>
    <row r="160" spans="1:9">
      <c r="A160" s="30"/>
      <c r="B160" s="226"/>
      <c r="C160" s="227"/>
      <c r="D160" s="227"/>
      <c r="E160" s="227"/>
      <c r="F160" s="227"/>
      <c r="G160" s="227"/>
      <c r="H160" s="227"/>
      <c r="I160" s="227"/>
    </row>
    <row r="161" spans="1:9">
      <c r="A161" s="24">
        <v>7</v>
      </c>
      <c r="B161" s="255" t="s">
        <v>49</v>
      </c>
      <c r="C161" s="24"/>
      <c r="D161" s="24"/>
      <c r="E161" s="227"/>
      <c r="F161" s="227"/>
      <c r="G161" s="227"/>
      <c r="H161" s="227"/>
      <c r="I161" s="227"/>
    </row>
    <row r="162" spans="1:9">
      <c r="A162" s="24"/>
      <c r="B162" s="24" t="s">
        <v>27</v>
      </c>
      <c r="C162" s="24"/>
      <c r="D162" s="24"/>
      <c r="E162" s="227"/>
      <c r="F162" s="227"/>
      <c r="G162" s="227"/>
      <c r="H162" s="227"/>
      <c r="I162" s="227"/>
    </row>
    <row r="163" spans="1:9">
      <c r="A163" s="24"/>
      <c r="B163" s="24"/>
      <c r="C163" s="24"/>
      <c r="D163" s="24"/>
      <c r="E163" s="227"/>
      <c r="F163" s="227"/>
      <c r="G163" s="227"/>
      <c r="H163" s="227"/>
      <c r="I163" s="227"/>
    </row>
    <row r="164" spans="1:9">
      <c r="A164" s="24">
        <v>7</v>
      </c>
      <c r="B164" s="255" t="s">
        <v>50</v>
      </c>
      <c r="C164" s="24"/>
      <c r="D164" s="24"/>
      <c r="E164" s="227"/>
      <c r="F164" s="227"/>
      <c r="G164" s="227"/>
      <c r="H164" s="227"/>
      <c r="I164" s="227"/>
    </row>
    <row r="165" spans="1:9">
      <c r="A165" s="24"/>
      <c r="B165" s="24" t="s">
        <v>542</v>
      </c>
      <c r="C165" s="24"/>
      <c r="D165" s="24"/>
      <c r="E165" s="227"/>
      <c r="F165" s="227"/>
      <c r="G165" s="227"/>
      <c r="H165" s="227"/>
      <c r="I165" s="227"/>
    </row>
    <row r="166" spans="1:9">
      <c r="A166" s="30"/>
      <c r="B166" s="226"/>
      <c r="C166" s="227"/>
      <c r="D166" s="227"/>
      <c r="E166" s="227"/>
      <c r="F166" s="227"/>
      <c r="G166" s="227"/>
      <c r="H166" s="227"/>
      <c r="I166" s="227"/>
    </row>
    <row r="167" spans="1:9">
      <c r="A167" s="24">
        <v>7</v>
      </c>
      <c r="B167" s="255" t="s">
        <v>16</v>
      </c>
      <c r="C167" s="227"/>
      <c r="D167" s="227"/>
      <c r="E167" s="227"/>
      <c r="F167" s="227"/>
      <c r="G167" s="227"/>
      <c r="H167" s="227"/>
      <c r="I167" s="227"/>
    </row>
    <row r="168" spans="1:9">
      <c r="A168" s="30"/>
      <c r="B168" s="324" t="s">
        <v>28</v>
      </c>
      <c r="C168" s="325"/>
      <c r="D168" s="325"/>
      <c r="E168" s="227"/>
      <c r="F168" s="227"/>
      <c r="G168" s="227"/>
      <c r="H168" s="227"/>
      <c r="I168" s="227"/>
    </row>
    <row r="169" spans="1:9">
      <c r="A169" s="30"/>
      <c r="B169" s="226"/>
      <c r="C169" s="227"/>
      <c r="D169" s="227"/>
      <c r="E169" s="227"/>
      <c r="F169" s="227"/>
      <c r="G169" s="227"/>
      <c r="H169" s="227"/>
      <c r="I169" s="227"/>
    </row>
    <row r="170" spans="1:9">
      <c r="A170" s="24">
        <v>7</v>
      </c>
      <c r="B170" s="29" t="s">
        <v>51</v>
      </c>
      <c r="C170" s="227"/>
      <c r="D170" s="227"/>
      <c r="E170" s="227"/>
      <c r="F170" s="227"/>
      <c r="G170" s="227"/>
      <c r="H170" s="227"/>
      <c r="I170" s="227"/>
    </row>
    <row r="171" spans="1:9">
      <c r="A171" s="30"/>
      <c r="B171" s="24" t="s">
        <v>543</v>
      </c>
      <c r="C171" s="227"/>
      <c r="D171" s="227"/>
      <c r="E171" s="227"/>
      <c r="F171" s="227"/>
      <c r="G171" s="227"/>
      <c r="H171" s="227"/>
      <c r="I171" s="227"/>
    </row>
    <row r="172" spans="1:9">
      <c r="A172" s="30"/>
      <c r="B172" s="226"/>
      <c r="C172" s="227"/>
      <c r="D172" s="227"/>
      <c r="E172" s="227"/>
      <c r="F172" s="227"/>
      <c r="G172" s="227"/>
      <c r="H172" s="227"/>
      <c r="I172" s="227"/>
    </row>
    <row r="173" spans="1:9">
      <c r="A173" s="326" t="s">
        <v>52</v>
      </c>
      <c r="B173" s="326"/>
      <c r="C173" s="33"/>
      <c r="D173" s="33"/>
      <c r="E173" s="227"/>
      <c r="F173" s="227"/>
      <c r="G173" s="227"/>
      <c r="H173" s="227"/>
      <c r="I173" s="227"/>
    </row>
    <row r="174" spans="1:9">
      <c r="A174" s="30"/>
      <c r="B174" s="29"/>
      <c r="C174" s="227"/>
      <c r="D174" s="227"/>
      <c r="E174" s="227"/>
      <c r="F174" s="227"/>
      <c r="G174" s="227"/>
      <c r="H174" s="227"/>
      <c r="I174" s="227"/>
    </row>
    <row r="175" spans="1:9">
      <c r="A175" s="24">
        <v>8</v>
      </c>
      <c r="B175" s="236" t="s">
        <v>17</v>
      </c>
      <c r="C175" s="227"/>
      <c r="D175" s="227"/>
      <c r="E175" s="227"/>
      <c r="F175" s="227"/>
      <c r="G175" s="227"/>
      <c r="H175" s="227"/>
      <c r="I175" s="227"/>
    </row>
    <row r="176" spans="1:9">
      <c r="A176" s="30"/>
      <c r="B176" s="324" t="s">
        <v>29</v>
      </c>
      <c r="C176" s="325"/>
      <c r="D176" s="325"/>
      <c r="E176" s="227"/>
      <c r="F176" s="227"/>
      <c r="G176" s="227"/>
      <c r="H176" s="227"/>
      <c r="I176" s="227"/>
    </row>
    <row r="177" spans="1:9">
      <c r="A177" s="30"/>
      <c r="B177" s="324"/>
      <c r="C177" s="325"/>
      <c r="D177" s="325"/>
      <c r="E177" s="227"/>
      <c r="F177" s="227"/>
      <c r="G177" s="227"/>
      <c r="H177" s="227"/>
      <c r="I177" s="227"/>
    </row>
    <row r="178" spans="1:9">
      <c r="A178" s="21">
        <v>8</v>
      </c>
      <c r="B178" s="25" t="s">
        <v>53</v>
      </c>
      <c r="C178" s="227"/>
      <c r="D178" s="227"/>
      <c r="E178" s="227"/>
      <c r="F178" s="227"/>
      <c r="G178" s="227"/>
      <c r="H178" s="227"/>
      <c r="I178" s="227"/>
    </row>
    <row r="179" spans="1:9">
      <c r="A179" s="21"/>
      <c r="B179" s="24" t="s">
        <v>544</v>
      </c>
      <c r="C179" s="227"/>
      <c r="D179" s="227"/>
      <c r="E179" s="227"/>
      <c r="F179" s="227"/>
      <c r="G179" s="227"/>
      <c r="H179" s="227"/>
      <c r="I179" s="227"/>
    </row>
    <row r="180" spans="1:9">
      <c r="A180" s="21"/>
      <c r="B180" s="227"/>
      <c r="C180" s="227"/>
      <c r="D180" s="227"/>
      <c r="E180" s="227"/>
      <c r="F180" s="227"/>
      <c r="G180" s="227"/>
      <c r="H180" s="227"/>
      <c r="I180" s="227"/>
    </row>
    <row r="181" spans="1:9">
      <c r="A181" s="21"/>
      <c r="B181" s="227"/>
      <c r="C181" s="227"/>
      <c r="D181" s="227"/>
      <c r="E181" s="227"/>
      <c r="F181" s="227"/>
      <c r="G181" s="227"/>
      <c r="H181" s="227"/>
      <c r="I181" s="227"/>
    </row>
  </sheetData>
  <mergeCells count="47">
    <mergeCell ref="B119:D119"/>
    <mergeCell ref="B78:D78"/>
    <mergeCell ref="B93:D93"/>
    <mergeCell ref="B72:E72"/>
    <mergeCell ref="B104:D104"/>
    <mergeCell ref="B92:D92"/>
    <mergeCell ref="B103:D103"/>
    <mergeCell ref="B73:E73"/>
    <mergeCell ref="B95:D95"/>
    <mergeCell ref="B81:D81"/>
    <mergeCell ref="B98:D98"/>
    <mergeCell ref="A83:B83"/>
    <mergeCell ref="A100:B100"/>
    <mergeCell ref="B68:C68"/>
    <mergeCell ref="B109:D109"/>
    <mergeCell ref="B110:D110"/>
    <mergeCell ref="B86:D86"/>
    <mergeCell ref="B69:E69"/>
    <mergeCell ref="A1:D1"/>
    <mergeCell ref="B8:F8"/>
    <mergeCell ref="B64:D64"/>
    <mergeCell ref="B65:D65"/>
    <mergeCell ref="B47:E47"/>
    <mergeCell ref="B11:D11"/>
    <mergeCell ref="B28:G28"/>
    <mergeCell ref="A42:C42"/>
    <mergeCell ref="B56:C56"/>
    <mergeCell ref="B31:G31"/>
    <mergeCell ref="A5:B5"/>
    <mergeCell ref="A25:B25"/>
    <mergeCell ref="A44:B44"/>
    <mergeCell ref="A61:B61"/>
    <mergeCell ref="B177:D177"/>
    <mergeCell ref="B130:D130"/>
    <mergeCell ref="B121:D121"/>
    <mergeCell ref="B129:D129"/>
    <mergeCell ref="B168:D168"/>
    <mergeCell ref="B176:D176"/>
    <mergeCell ref="B156:D156"/>
    <mergeCell ref="B124:D124"/>
    <mergeCell ref="B132:D132"/>
    <mergeCell ref="B133:D133"/>
    <mergeCell ref="B138:D138"/>
    <mergeCell ref="B144:D144"/>
    <mergeCell ref="B150:D150"/>
    <mergeCell ref="A126:B126"/>
    <mergeCell ref="A173:B173"/>
  </mergeCells>
  <hyperlinks>
    <hyperlink ref="A46:B46" location="'02'!A29" display="'02'!A29" xr:uid="{00000000-0004-0000-0300-000000000000}"/>
    <hyperlink ref="A55:B55" location="'02'!A42" display="'02'!A42" xr:uid="{00000000-0004-0000-0300-000001000000}"/>
    <hyperlink ref="A71:B71" location="'02'!A55" display="'02'!A55" xr:uid="{00000000-0004-0000-0300-000002000000}"/>
    <hyperlink ref="A77:B77" location="'02'!A68" display="'02'!A68" xr:uid="{00000000-0004-0000-0300-000003000000}"/>
    <hyperlink ref="B7" location="'1 IndividualWellbeing'!A3" display="Global Life Satisfaction" xr:uid="{00000000-0004-0000-0300-000004000000}"/>
    <hyperlink ref="B63" location="'4 HumanCapital'!A3" display="General health" xr:uid="{00000000-0004-0000-0300-000005000000}"/>
    <hyperlink ref="B67" location="'4 HumanCapital'!A32" display="K6 psychological distress" xr:uid="{00000000-0004-0000-0300-000006000000}"/>
    <hyperlink ref="B46" location="'3 FinancialCapital'!A3" display="Household financial wellbeing" xr:uid="{00000000-0004-0000-0300-000007000000}"/>
    <hyperlink ref="B55" location="'3 FinancialCapital'!A90" display="Community economic wellbeing" xr:uid="{00000000-0004-0000-0300-000008000000}"/>
    <hyperlink ref="B71" location="'4 HumanCapital'!A61" display="Self-efficacy" xr:uid="{00000000-0004-0000-0300-000009000000}"/>
    <hyperlink ref="B77" location="'4 HumanCapital'!A119" display="Community leadership and collaboration" xr:uid="{00000000-0004-0000-0300-00000A000000}"/>
    <hyperlink ref="A85:B85" location="'02'!A68" display="'02'!A68" xr:uid="{00000000-0004-0000-0300-00000B000000}"/>
    <hyperlink ref="B85" location="'5 InstitutionalCapital'!A3" display="Having a say and being heard" xr:uid="{00000000-0004-0000-0300-00000C000000}"/>
    <hyperlink ref="A91:B91" location="'02'!A68" display="'02'!A68" xr:uid="{00000000-0004-0000-0300-00000D000000}"/>
    <hyperlink ref="B91" location="'5 InstitutionalCapital'!A61" display="Contributing to local governance" xr:uid="{00000000-0004-0000-0300-00000E000000}"/>
    <hyperlink ref="A102:B102" location="'02'!A68" display="'02'!A68" xr:uid="{00000000-0004-0000-0300-00000F000000}"/>
    <hyperlink ref="B102" location="'6 SocialCapital'!A3" display="Spending time with friends and family" xr:uid="{00000000-0004-0000-0300-000010000000}"/>
    <hyperlink ref="A108:B108" location="'02'!A68" display="'02'!A68" xr:uid="{00000000-0004-0000-0300-000011000000}"/>
    <hyperlink ref="B108" location="'6 SocialCapital'!A61" display="Getting involved in the community" xr:uid="{00000000-0004-0000-0300-000012000000}"/>
    <hyperlink ref="B120" location="'6 SocialCapital'!A177" display="Sense of belonging" xr:uid="{00000000-0004-0000-0300-000013000000}"/>
    <hyperlink ref="A128:B128" location="'02'!A68" display="'02'!A68" xr:uid="{00000000-0004-0000-0300-000014000000}"/>
    <hyperlink ref="B128" location="'7 PhysicalCapital'!A3" display="Access to health, education, aged care and child care " xr:uid="{00000000-0004-0000-0300-000015000000}"/>
    <hyperlink ref="B155" location="'7 PhysicalCapital'!A264" display="Access to telecommunications" xr:uid="{00000000-0004-0000-0300-000016000000}"/>
    <hyperlink ref="B161" location="'7 PhysicalCapital'!A322" display="Crime and safety in the local community" xr:uid="{00000000-0004-0000-0300-000017000000}"/>
    <hyperlink ref="B167" location="'7 PhysicalCapital'!A380" display="Landscape and aesthetics" xr:uid="{00000000-0004-0000-0300-000018000000}"/>
    <hyperlink ref="B175" location="'8 NaturalCapital'!A3" display="Perceived environmental health" xr:uid="{00000000-0004-0000-0300-000019000000}"/>
    <hyperlink ref="B10" location="'1 IndividualWellbeing'!A32" display="Personal Wellbeing Index" xr:uid="{00000000-0004-0000-0300-00001A000000}"/>
    <hyperlink ref="B27" location="'2 CommunityWellbeing'!A3" display="Community wellbeing measures" xr:uid="{00000000-0004-0000-0300-00001B000000}"/>
    <hyperlink ref="B13" location="'1 IndividualWellbeing'!A61" display="Personal wellbeing domains" xr:uid="{00000000-0004-0000-0300-00001C000000}"/>
    <hyperlink ref="B16" location="'1 IndividualWellbeing'!A90" display="Eudaimonic wellbeing" xr:uid="{00000000-0004-0000-0300-00001D000000}"/>
    <hyperlink ref="B33" location="'2 CommunityWellbeing'!A61" display="Changes in community liveability" xr:uid="{00000000-0004-0000-0300-00001E000000}"/>
    <hyperlink ref="B36" location="'2 CommunityWellbeing'!A90" display="Migration" xr:uid="{00000000-0004-0000-0300-00001F000000}"/>
    <hyperlink ref="A5" location="'1 IndividualWellbeing'!A1" display="Wellbeing of people" xr:uid="{00000000-0004-0000-0300-000020000000}"/>
    <hyperlink ref="A44" location="'3 FinancialCapital'!A1" display="Financial capital" xr:uid="{00000000-0004-0000-0300-000021000000}"/>
    <hyperlink ref="A61" location="'4 HumanCapital'!A1" display="Human capital" xr:uid="{00000000-0004-0000-0300-000022000000}"/>
    <hyperlink ref="B49" location="'3 FinancialCapital'!A32" display="Household financial measures" xr:uid="{00000000-0004-0000-0300-000023000000}"/>
    <hyperlink ref="B52" location="'3 FinancialCapital'!A61" display="Financial distress" xr:uid="{00000000-0004-0000-0300-000024000000}"/>
    <hyperlink ref="B58" location="'3 FinancialCapital'!A119" display="Community economic measures" xr:uid="{00000000-0004-0000-0300-000025000000}"/>
    <hyperlink ref="B74" location="'4 HumanCapital'!A90" display="Self-efficacy measures" xr:uid="{00000000-0004-0000-0300-000026000000}"/>
    <hyperlink ref="A83" location="'5 InstitutionalCapital'!A1" display="Institutional Capital" xr:uid="{00000000-0004-0000-0300-000027000000}"/>
    <hyperlink ref="B88" location="'5 InstitutionalCapital'!A32" display="Having a say and being heard measures" xr:uid="{00000000-0004-0000-0300-000028000000}"/>
    <hyperlink ref="A100" location="'6 SocialCapital'!A1" display="Social capital" xr:uid="{00000000-0004-0000-0300-000029000000}"/>
    <hyperlink ref="B105" location="'6 SocialCapital'!A32" display="Spending time with friends and family measures" xr:uid="{00000000-0004-0000-0300-00002A000000}"/>
    <hyperlink ref="B111" location="'6 SocialCapital'!A90" display="Getting involved measures" xr:uid="{00000000-0004-0000-0300-00002B000000}"/>
    <hyperlink ref="B117" location="'6 SocialCapital'!A148" display="Volunteering" xr:uid="{00000000-0004-0000-0300-00002C000000}"/>
    <hyperlink ref="A126" location="'7 PhysicalCapital'!A1" display="Physical capital" xr:uid="{00000000-0004-0000-0300-00002D000000}"/>
    <hyperlink ref="B134" location="'7 PhysicalCapital'!A61" display="Access to roads and public transport " xr:uid="{00000000-0004-0000-0300-00002E000000}"/>
    <hyperlink ref="B140" location="'7 PhysicalCapital'!A119" display="Access to food" xr:uid="{00000000-0004-0000-0300-00002F000000}"/>
    <hyperlink ref="B146" location="'7 PhysicalCapital'!A177" display="Access to local government services" xr:uid="{00000000-0004-0000-0300-000030000000}"/>
    <hyperlink ref="B158" location="'7 PhysicalCapital'!A293" display="Access to telecommunications measures" xr:uid="{00000000-0004-0000-0300-000031000000}"/>
    <hyperlink ref="B164" location="'7 PhysicalCapital'!A351" display="Crime and safety in the local community measures" xr:uid="{00000000-0004-0000-0300-000032000000}"/>
    <hyperlink ref="B170" location="'7 PhysicalCapital'!A409" display="Landscape and aesthetics measures" xr:uid="{00000000-0004-0000-0300-000033000000}"/>
    <hyperlink ref="A173" location="'8 NaturalCapital'!A1" display="Natural capital" xr:uid="{00000000-0004-0000-0300-000034000000}"/>
    <hyperlink ref="B178" location="'8 NaturalCapital'!A32" display="Perceived environmental health measures" xr:uid="{00000000-0004-0000-0300-000035000000}"/>
    <hyperlink ref="B94" location="'5 InstitutionalCapital'!A90" display="Equity and inclusion" xr:uid="{00000000-0004-0000-0300-000036000000}"/>
    <hyperlink ref="B114" location="'6 SocialCapital'!A119" display="Quality of community events" xr:uid="{00000000-0004-0000-0300-000037000000}"/>
    <hyperlink ref="B19" location="'1 IndividualWellbeing'!A119" display="Eudaimonic wellbeing domains" xr:uid="{00000000-0004-0000-0300-000038000000}"/>
    <hyperlink ref="A25" location="'2 CommunityWellbeing'!A1" display="Wellbeing of communities" xr:uid="{00000000-0004-0000-0300-000039000000}"/>
    <hyperlink ref="B22" location="'1 IndividualWellbeing'!A148" display="Emotional Affect Index " xr:uid="{00000000-0004-0000-0300-00003A000000}"/>
    <hyperlink ref="B30" location="'2 CommunityWellbeing'!A32" display="Community wellbeing domains" xr:uid="{00000000-0004-0000-0300-00003B000000}"/>
    <hyperlink ref="B39" location="'2 CommunityWellbeing'!A119" display="Would recommend community" xr:uid="{00000000-0004-0000-0300-00003C000000}"/>
    <hyperlink ref="A80:B80" location="'02'!A68" display="'02'!A68" xr:uid="{00000000-0004-0000-0300-00003D000000}"/>
    <hyperlink ref="B80" location="'4 HumanCapital'!A148" display="Community leadership and collaboration measures" xr:uid="{00000000-0004-0000-0300-00003E000000}"/>
    <hyperlink ref="B97" location="'5 InstitutionalCapital'!A119" display="Equity and inclusion measures" xr:uid="{00000000-0004-0000-0300-00003F000000}"/>
    <hyperlink ref="B123" location="'6 SocialCapital'!A206" display="Sense of belonging measures" xr:uid="{00000000-0004-0000-0300-000040000000}"/>
    <hyperlink ref="A131:B131" location="'02'!A68" display="'02'!A68" xr:uid="{00000000-0004-0000-0300-000041000000}"/>
    <hyperlink ref="B131" location="'7 PhysicalCapital'!A32" display="Access to health and education services measures" xr:uid="{00000000-0004-0000-0300-000042000000}"/>
    <hyperlink ref="B137" location="'7 PhysicalCapital'!A90" display="Access to roads and public transport " xr:uid="{00000000-0004-0000-0300-000043000000}"/>
    <hyperlink ref="B143" location="'7 PhysicalCapital'!A148" display="Access to food measures" xr:uid="{00000000-0004-0000-0300-000044000000}"/>
    <hyperlink ref="B149" location="'7 PhysicalCapital'!A206" display="Access to financial and professional services" xr:uid="{00000000-0004-0000-0300-000045000000}"/>
    <hyperlink ref="B152" location="'7 PhysicalCapital'!A235" display="Access to financial and professional services measures" xr:uid="{00000000-0004-0000-0300-000046000000}"/>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204"/>
  <sheetViews>
    <sheetView zoomScaleNormal="100" zoomScalePageLayoutView="75" workbookViewId="0"/>
  </sheetViews>
  <sheetFormatPr defaultColWidth="20.28515625" defaultRowHeight="15"/>
  <cols>
    <col min="1" max="1" width="57" style="1" customWidth="1"/>
    <col min="2" max="4" width="20.28515625" style="1" customWidth="1"/>
    <col min="5" max="6" width="20.28515625" style="5" customWidth="1"/>
    <col min="7" max="16384" width="20.28515625" style="1"/>
  </cols>
  <sheetData>
    <row r="1" spans="1:8" ht="31.5">
      <c r="A1" s="32" t="s">
        <v>59</v>
      </c>
    </row>
    <row r="3" spans="1:8" ht="18.75">
      <c r="A3" s="340" t="s">
        <v>68</v>
      </c>
      <c r="B3" s="340"/>
      <c r="C3" s="340"/>
      <c r="D3" s="340"/>
      <c r="E3" s="340"/>
      <c r="F3" s="340"/>
      <c r="G3" s="340"/>
      <c r="H3" s="340"/>
    </row>
    <row r="4" spans="1:8" ht="43.5" customHeight="1">
      <c r="A4" s="342" t="s">
        <v>582</v>
      </c>
      <c r="B4" s="342"/>
      <c r="C4" s="342"/>
      <c r="D4" s="342"/>
      <c r="E4" s="342"/>
      <c r="F4" s="342"/>
      <c r="G4" s="342"/>
      <c r="H4" s="342"/>
    </row>
    <row r="5" spans="1:8" ht="40.5" customHeight="1">
      <c r="A5" s="334" t="s">
        <v>69</v>
      </c>
      <c r="B5" s="335"/>
      <c r="C5" s="335"/>
      <c r="D5" s="335"/>
      <c r="E5" s="335"/>
      <c r="F5" s="335"/>
      <c r="G5" s="335"/>
      <c r="H5" s="335"/>
    </row>
    <row r="6" spans="1:8" ht="45" customHeight="1">
      <c r="A6" s="36" t="s">
        <v>70</v>
      </c>
      <c r="B6" s="37" t="s">
        <v>71</v>
      </c>
      <c r="C6" s="38" t="s">
        <v>593</v>
      </c>
      <c r="D6" s="39" t="s">
        <v>72</v>
      </c>
      <c r="E6" s="37" t="s">
        <v>330</v>
      </c>
      <c r="F6" s="39" t="s">
        <v>334</v>
      </c>
      <c r="G6" s="38" t="s">
        <v>332</v>
      </c>
      <c r="H6" s="39" t="s">
        <v>335</v>
      </c>
    </row>
    <row r="7" spans="1:8" ht="60">
      <c r="A7" s="40"/>
      <c r="B7" s="41" t="s">
        <v>73</v>
      </c>
      <c r="C7" s="42" t="s">
        <v>74</v>
      </c>
      <c r="D7" s="43" t="s">
        <v>75</v>
      </c>
      <c r="E7" s="41" t="s">
        <v>331</v>
      </c>
      <c r="F7" s="90" t="s">
        <v>87</v>
      </c>
      <c r="G7" s="127" t="s">
        <v>333</v>
      </c>
      <c r="H7" s="90" t="s">
        <v>87</v>
      </c>
    </row>
    <row r="8" spans="1:8">
      <c r="A8" s="44" t="s">
        <v>349</v>
      </c>
      <c r="B8" s="45">
        <v>13603</v>
      </c>
      <c r="C8" s="46">
        <v>69.414645476983182</v>
      </c>
      <c r="D8" s="47">
        <v>0.35037310145591</v>
      </c>
      <c r="E8" s="278">
        <v>0.25018988080187143</v>
      </c>
      <c r="F8" s="271">
        <v>7.4268009015894436E-3</v>
      </c>
      <c r="G8" s="278">
        <v>0.35384439625459785</v>
      </c>
      <c r="H8" s="271">
        <v>8.1985197592878839E-3</v>
      </c>
    </row>
    <row r="9" spans="1:8">
      <c r="A9" s="48" t="s">
        <v>350</v>
      </c>
      <c r="B9" s="49">
        <v>10078</v>
      </c>
      <c r="C9" s="50">
        <v>70.952475882326496</v>
      </c>
      <c r="D9" s="51">
        <v>0.39666146567503169</v>
      </c>
      <c r="E9" s="279">
        <v>0.2186499859839999</v>
      </c>
      <c r="F9" s="272">
        <v>8.2344385554779347E-3</v>
      </c>
      <c r="G9" s="279">
        <v>0.38470680343691377</v>
      </c>
      <c r="H9" s="272">
        <v>9.6910829926267501E-3</v>
      </c>
    </row>
    <row r="10" spans="1:8" s="5" customFormat="1">
      <c r="A10" s="44" t="s">
        <v>351</v>
      </c>
      <c r="B10" s="45">
        <v>3525</v>
      </c>
      <c r="C10" s="46">
        <v>68.111747174470864</v>
      </c>
      <c r="D10" s="47">
        <v>0.72343117209105501</v>
      </c>
      <c r="E10" s="278">
        <v>0.27691147199739036</v>
      </c>
      <c r="F10" s="271">
        <v>1.5069284269508867E-2</v>
      </c>
      <c r="G10" s="278">
        <v>0.32769679389896594</v>
      </c>
      <c r="H10" s="271">
        <v>1.5804804968703009E-2</v>
      </c>
    </row>
    <row r="11" spans="1:8" s="5" customFormat="1">
      <c r="A11" s="48" t="s">
        <v>558</v>
      </c>
      <c r="B11" s="49">
        <v>323</v>
      </c>
      <c r="C11" s="50">
        <v>68.005227629170349</v>
      </c>
      <c r="D11" s="51">
        <v>2.3866901349535938</v>
      </c>
      <c r="E11" s="279">
        <v>0.25835908523752954</v>
      </c>
      <c r="F11" s="272">
        <v>4.8592349216501879E-2</v>
      </c>
      <c r="G11" s="279">
        <v>0.31239241950080138</v>
      </c>
      <c r="H11" s="272">
        <v>5.136178665001332E-2</v>
      </c>
    </row>
    <row r="12" spans="1:8" s="5" customFormat="1">
      <c r="A12" s="44" t="s">
        <v>559</v>
      </c>
      <c r="B12" s="45">
        <v>3544</v>
      </c>
      <c r="C12" s="46">
        <v>70.075468644629169</v>
      </c>
      <c r="D12" s="47">
        <v>0.64606838357462204</v>
      </c>
      <c r="E12" s="278">
        <v>0.23291043790232749</v>
      </c>
      <c r="F12" s="271">
        <v>1.4198779058548622E-2</v>
      </c>
      <c r="G12" s="278">
        <v>0.35240639403838875</v>
      </c>
      <c r="H12" s="271">
        <v>1.6041983316495409E-2</v>
      </c>
    </row>
    <row r="13" spans="1:8" s="5" customFormat="1">
      <c r="A13" s="48" t="s">
        <v>560</v>
      </c>
      <c r="B13" s="49">
        <v>2941</v>
      </c>
      <c r="C13" s="50">
        <v>72.685479870191998</v>
      </c>
      <c r="D13" s="51">
        <v>0.69368644284945413</v>
      </c>
      <c r="E13" s="279">
        <v>0.18734996900305056</v>
      </c>
      <c r="F13" s="272">
        <v>1.4392759578846826E-2</v>
      </c>
      <c r="G13" s="279">
        <v>0.40487222857542288</v>
      </c>
      <c r="H13" s="272">
        <v>1.8091458744304657E-2</v>
      </c>
    </row>
    <row r="14" spans="1:8" s="5" customFormat="1">
      <c r="A14" s="44" t="s">
        <v>368</v>
      </c>
      <c r="B14" s="45">
        <v>157</v>
      </c>
      <c r="C14" s="46">
        <v>70.555712970812465</v>
      </c>
      <c r="D14" s="47">
        <v>3.3380785462742231</v>
      </c>
      <c r="E14" s="278">
        <v>0.22275000443389145</v>
      </c>
      <c r="F14" s="271">
        <v>6.6295873374662362E-2</v>
      </c>
      <c r="G14" s="278">
        <v>0.34307499182093032</v>
      </c>
      <c r="H14" s="271">
        <v>7.5029264145156677E-2</v>
      </c>
    </row>
    <row r="15" spans="1:8" s="5" customFormat="1">
      <c r="A15" s="48" t="s">
        <v>150</v>
      </c>
      <c r="B15" s="49">
        <v>271</v>
      </c>
      <c r="C15" s="50">
        <v>74.376558993565595</v>
      </c>
      <c r="D15" s="51">
        <v>2.2673325873740722</v>
      </c>
      <c r="E15" s="279">
        <v>0.17041251732298965</v>
      </c>
      <c r="F15" s="272">
        <v>4.5847049029153708E-2</v>
      </c>
      <c r="G15" s="279">
        <v>0.40078286431883198</v>
      </c>
      <c r="H15" s="272">
        <v>5.9138081790680974E-2</v>
      </c>
    </row>
    <row r="16" spans="1:8" s="5" customFormat="1">
      <c r="A16" s="44" t="s">
        <v>352</v>
      </c>
      <c r="B16" s="45">
        <v>122</v>
      </c>
      <c r="C16" s="46">
        <v>75.611310763028726</v>
      </c>
      <c r="D16" s="47">
        <v>3.4614899408141522</v>
      </c>
      <c r="E16" s="278">
        <v>0.167210125630639</v>
      </c>
      <c r="F16" s="271">
        <v>6.8120102696129142E-2</v>
      </c>
      <c r="G16" s="278">
        <v>0.44024368031738986</v>
      </c>
      <c r="H16" s="271">
        <v>8.8488597083888884E-2</v>
      </c>
    </row>
    <row r="17" spans="1:8" s="5" customFormat="1">
      <c r="A17" s="48" t="s">
        <v>353</v>
      </c>
      <c r="B17" s="49">
        <v>115</v>
      </c>
      <c r="C17" s="50">
        <v>69.959756139101628</v>
      </c>
      <c r="D17" s="51">
        <v>3.6268937088632964</v>
      </c>
      <c r="E17" s="279">
        <v>0.24012213187345641</v>
      </c>
      <c r="F17" s="272">
        <v>7.9267116953123509E-2</v>
      </c>
      <c r="G17" s="279">
        <v>0.31437515875587801</v>
      </c>
      <c r="H17" s="272">
        <v>8.5566995900214021E-2</v>
      </c>
    </row>
    <row r="18" spans="1:8" s="5" customFormat="1">
      <c r="A18" s="44" t="s">
        <v>369</v>
      </c>
      <c r="B18" s="45">
        <v>422</v>
      </c>
      <c r="C18" s="46">
        <v>73.673756353374372</v>
      </c>
      <c r="D18" s="47">
        <v>1.8086492750239893</v>
      </c>
      <c r="E18" s="278">
        <v>0.17019359902173081</v>
      </c>
      <c r="F18" s="271">
        <v>3.6676586723233977E-2</v>
      </c>
      <c r="G18" s="278">
        <v>0.42997713191137643</v>
      </c>
      <c r="H18" s="271">
        <v>4.7981651868884798E-2</v>
      </c>
    </row>
    <row r="19" spans="1:8" s="5" customFormat="1">
      <c r="A19" s="48" t="s">
        <v>354</v>
      </c>
      <c r="B19" s="49">
        <v>70</v>
      </c>
      <c r="C19" s="50">
        <v>72.540293209981314</v>
      </c>
      <c r="D19" s="51">
        <v>4.3091162952949897</v>
      </c>
      <c r="E19" s="279">
        <v>0.1940211943209442</v>
      </c>
      <c r="F19" s="272">
        <v>9.4789903524607741E-2</v>
      </c>
      <c r="G19" s="279">
        <v>0.29839249391667139</v>
      </c>
      <c r="H19" s="272">
        <v>0.10745955141478714</v>
      </c>
    </row>
    <row r="20" spans="1:8">
      <c r="A20" s="44" t="s">
        <v>355</v>
      </c>
      <c r="B20" s="45">
        <v>73</v>
      </c>
      <c r="C20" s="46">
        <v>76.290679176960154</v>
      </c>
      <c r="D20" s="47">
        <v>3.2206900882585838</v>
      </c>
      <c r="E20" s="278">
        <v>6.526411334367313E-2</v>
      </c>
      <c r="F20" s="271">
        <v>6.4518420020022754E-2</v>
      </c>
      <c r="G20" s="278">
        <v>0.41307303920702138</v>
      </c>
      <c r="H20" s="271">
        <v>0.11240196463419486</v>
      </c>
    </row>
    <row r="21" spans="1:8">
      <c r="A21" s="48" t="s">
        <v>356</v>
      </c>
      <c r="B21" s="49">
        <v>67</v>
      </c>
      <c r="C21" s="50">
        <v>74.658564626747875</v>
      </c>
      <c r="D21" s="51">
        <v>4.724021315129546</v>
      </c>
      <c r="E21" s="279">
        <v>0.17238999640525079</v>
      </c>
      <c r="F21" s="272">
        <v>9.3273597107636205E-2</v>
      </c>
      <c r="G21" s="279">
        <v>0.41680858318644498</v>
      </c>
      <c r="H21" s="272">
        <v>0.11720621804386562</v>
      </c>
    </row>
    <row r="22" spans="1:8">
      <c r="A22" s="56" t="s">
        <v>357</v>
      </c>
      <c r="B22" s="45">
        <v>54</v>
      </c>
      <c r="C22" s="46">
        <v>74.980832156757984</v>
      </c>
      <c r="D22" s="47">
        <v>5.1038581388234689</v>
      </c>
      <c r="E22" s="278">
        <v>0.15978362209312386</v>
      </c>
      <c r="F22" s="271">
        <v>0.10159670892057825</v>
      </c>
      <c r="G22" s="278">
        <v>0.42646766515183843</v>
      </c>
      <c r="H22" s="271">
        <v>0.13006976175938567</v>
      </c>
    </row>
    <row r="23" spans="1:8">
      <c r="A23" s="48" t="s">
        <v>358</v>
      </c>
      <c r="B23" s="49">
        <v>95</v>
      </c>
      <c r="C23" s="50">
        <v>74.6711806878928</v>
      </c>
      <c r="D23" s="51">
        <v>3.9994942394939339</v>
      </c>
      <c r="E23" s="279">
        <v>0.14273595368861136</v>
      </c>
      <c r="F23" s="272">
        <v>7.3159072279476406E-2</v>
      </c>
      <c r="G23" s="279">
        <v>0.45927358413469216</v>
      </c>
      <c r="H23" s="272">
        <v>0.10019630891681294</v>
      </c>
    </row>
    <row r="24" spans="1:8">
      <c r="A24" s="56" t="s">
        <v>359</v>
      </c>
      <c r="B24" s="45">
        <v>115</v>
      </c>
      <c r="C24" s="46">
        <v>72.154864432380151</v>
      </c>
      <c r="D24" s="47">
        <v>3.8439823608175221</v>
      </c>
      <c r="E24" s="278">
        <v>0.21733101600300919</v>
      </c>
      <c r="F24" s="271">
        <v>7.6779617812521198E-2</v>
      </c>
      <c r="G24" s="278">
        <v>0.4996275318259058</v>
      </c>
      <c r="H24" s="271">
        <v>9.1669825948825681E-2</v>
      </c>
    </row>
    <row r="25" spans="1:8">
      <c r="A25" s="48" t="s">
        <v>371</v>
      </c>
      <c r="B25" s="49">
        <v>180</v>
      </c>
      <c r="C25" s="50">
        <v>73.800000459356781</v>
      </c>
      <c r="D25" s="51">
        <v>2.6129849214260634</v>
      </c>
      <c r="E25" s="279">
        <v>0.12935644236309987</v>
      </c>
      <c r="F25" s="272">
        <v>5.0761875472649591E-2</v>
      </c>
      <c r="G25" s="279">
        <v>0.45890591723017926</v>
      </c>
      <c r="H25" s="272">
        <v>7.3482310952550006E-2</v>
      </c>
    </row>
    <row r="26" spans="1:8">
      <c r="A26" s="56" t="s">
        <v>360</v>
      </c>
      <c r="B26" s="45">
        <v>102</v>
      </c>
      <c r="C26" s="46">
        <v>74.569395422778555</v>
      </c>
      <c r="D26" s="47">
        <v>3.1699839761168227</v>
      </c>
      <c r="E26" s="278">
        <v>0.1019285481637324</v>
      </c>
      <c r="F26" s="271">
        <v>6.2426646341804656E-2</v>
      </c>
      <c r="G26" s="278">
        <v>0.47727411139850029</v>
      </c>
      <c r="H26" s="271">
        <v>9.7035643540627797E-2</v>
      </c>
    </row>
    <row r="27" spans="1:8">
      <c r="A27" s="48" t="s">
        <v>370</v>
      </c>
      <c r="B27" s="49">
        <v>290</v>
      </c>
      <c r="C27" s="50">
        <v>73.542649281365826</v>
      </c>
      <c r="D27" s="51">
        <v>2.2499823235717522</v>
      </c>
      <c r="E27" s="279">
        <v>0.16325505670368465</v>
      </c>
      <c r="F27" s="272">
        <v>4.3591718828752297E-2</v>
      </c>
      <c r="G27" s="279">
        <v>0.45363691061005407</v>
      </c>
      <c r="H27" s="272">
        <v>5.8076721111000158E-2</v>
      </c>
    </row>
    <row r="28" spans="1:8" s="5" customFormat="1">
      <c r="A28" s="56" t="s">
        <v>361</v>
      </c>
      <c r="B28" s="45">
        <v>126</v>
      </c>
      <c r="C28" s="46">
        <v>74.558234852757039</v>
      </c>
      <c r="D28" s="47">
        <v>3.3745713260454133</v>
      </c>
      <c r="E28" s="278">
        <v>0.14929456540228758</v>
      </c>
      <c r="F28" s="271">
        <v>6.4320862496230688E-2</v>
      </c>
      <c r="G28" s="278">
        <v>0.45232596802417313</v>
      </c>
      <c r="H28" s="271">
        <v>8.7330477600824449E-2</v>
      </c>
    </row>
    <row r="29" spans="1:8" s="5" customFormat="1">
      <c r="A29" s="48" t="s">
        <v>375</v>
      </c>
      <c r="B29" s="49">
        <v>112</v>
      </c>
      <c r="C29" s="50">
        <v>71.627081267657616</v>
      </c>
      <c r="D29" s="51">
        <v>3.6703619381141088</v>
      </c>
      <c r="E29" s="279">
        <v>0.18904223170194029</v>
      </c>
      <c r="F29" s="272">
        <v>7.4245374349055329E-2</v>
      </c>
      <c r="G29" s="279">
        <v>0.44795354233658818</v>
      </c>
      <c r="H29" s="272">
        <v>9.2377553886238514E-2</v>
      </c>
    </row>
    <row r="30" spans="1:8" s="5" customFormat="1">
      <c r="A30" s="56" t="s">
        <v>358</v>
      </c>
      <c r="B30" s="45">
        <v>95</v>
      </c>
      <c r="C30" s="46">
        <v>74.6711806878928</v>
      </c>
      <c r="D30" s="47">
        <v>3.9994942394939339</v>
      </c>
      <c r="E30" s="278">
        <v>0.14273595368861136</v>
      </c>
      <c r="F30" s="271">
        <v>7.3159072279476406E-2</v>
      </c>
      <c r="G30" s="278">
        <v>0.45927358413469216</v>
      </c>
      <c r="H30" s="271">
        <v>0.10019630891681294</v>
      </c>
    </row>
    <row r="32" spans="1:8" ht="18.75">
      <c r="A32" s="340" t="s">
        <v>7</v>
      </c>
      <c r="B32" s="340"/>
      <c r="C32" s="340"/>
      <c r="D32" s="340"/>
      <c r="E32" s="340"/>
      <c r="F32" s="340"/>
      <c r="G32" s="340"/>
      <c r="H32" s="340"/>
    </row>
    <row r="33" spans="1:8" ht="58.5" customHeight="1">
      <c r="A33" s="343" t="s">
        <v>473</v>
      </c>
      <c r="B33" s="343"/>
      <c r="C33" s="343"/>
      <c r="D33" s="343"/>
      <c r="E33" s="343"/>
      <c r="F33" s="343"/>
      <c r="G33" s="343"/>
      <c r="H33" s="343"/>
    </row>
    <row r="34" spans="1:8" ht="39.75" customHeight="1">
      <c r="A34" s="334" t="s">
        <v>76</v>
      </c>
      <c r="B34" s="335"/>
      <c r="C34" s="335"/>
      <c r="D34" s="335"/>
      <c r="E34" s="335"/>
      <c r="F34" s="335"/>
      <c r="G34" s="335"/>
      <c r="H34" s="335"/>
    </row>
    <row r="35" spans="1:8" ht="45" customHeight="1">
      <c r="A35" s="36" t="s">
        <v>70</v>
      </c>
      <c r="B35" s="37" t="s">
        <v>71</v>
      </c>
      <c r="C35" s="38" t="s">
        <v>593</v>
      </c>
      <c r="D35" s="39" t="s">
        <v>72</v>
      </c>
      <c r="E35" s="37" t="s">
        <v>330</v>
      </c>
      <c r="F35" s="39" t="s">
        <v>334</v>
      </c>
      <c r="G35" s="38" t="s">
        <v>332</v>
      </c>
      <c r="H35" s="39" t="s">
        <v>335</v>
      </c>
    </row>
    <row r="36" spans="1:8" ht="67.5" customHeight="1">
      <c r="A36" s="40"/>
      <c r="B36" s="41" t="s">
        <v>73</v>
      </c>
      <c r="C36" s="42" t="s">
        <v>74</v>
      </c>
      <c r="D36" s="43" t="s">
        <v>75</v>
      </c>
      <c r="E36" s="41" t="s">
        <v>331</v>
      </c>
      <c r="F36" s="90" t="s">
        <v>87</v>
      </c>
      <c r="G36" s="127" t="s">
        <v>333</v>
      </c>
      <c r="H36" s="90" t="s">
        <v>87</v>
      </c>
    </row>
    <row r="37" spans="1:8">
      <c r="A37" s="44" t="s">
        <v>349</v>
      </c>
      <c r="B37" s="57">
        <v>13388</v>
      </c>
      <c r="C37" s="58">
        <v>68.207873174728974</v>
      </c>
      <c r="D37" s="59">
        <v>0.31219410610008241</v>
      </c>
      <c r="E37" s="273">
        <v>0.29200125744005584</v>
      </c>
      <c r="F37" s="274">
        <v>7.8585608336742812E-3</v>
      </c>
      <c r="G37" s="273">
        <v>0.29748781954773451</v>
      </c>
      <c r="H37" s="274">
        <v>7.9012217198860726E-3</v>
      </c>
    </row>
    <row r="38" spans="1:8" s="5" customFormat="1">
      <c r="A38" s="48" t="s">
        <v>350</v>
      </c>
      <c r="B38" s="60">
        <v>9889</v>
      </c>
      <c r="C38" s="61">
        <v>69.687648348819224</v>
      </c>
      <c r="D38" s="62">
        <v>0.35282419388633779</v>
      </c>
      <c r="E38" s="275">
        <v>0.26144549542372658</v>
      </c>
      <c r="F38" s="276">
        <v>8.8368927471551059E-3</v>
      </c>
      <c r="G38" s="275">
        <v>0.32979567643007823</v>
      </c>
      <c r="H38" s="276">
        <v>9.4539889739480489E-3</v>
      </c>
    </row>
    <row r="39" spans="1:8" s="5" customFormat="1">
      <c r="A39" s="44" t="s">
        <v>351</v>
      </c>
      <c r="B39" s="53">
        <v>3499</v>
      </c>
      <c r="C39" s="54">
        <v>66.961984852629868</v>
      </c>
      <c r="D39" s="55">
        <v>0.64258535087208368</v>
      </c>
      <c r="E39" s="277">
        <v>0.31772750811347128</v>
      </c>
      <c r="F39" s="274">
        <v>1.5735922680593154E-2</v>
      </c>
      <c r="G39" s="277">
        <v>0.27028640253078789</v>
      </c>
      <c r="H39" s="274">
        <v>1.5011732185328109E-2</v>
      </c>
    </row>
    <row r="40" spans="1:8" s="5" customFormat="1">
      <c r="A40" s="48" t="s">
        <v>558</v>
      </c>
      <c r="B40" s="60">
        <v>323</v>
      </c>
      <c r="C40" s="61">
        <v>67.26333042320887</v>
      </c>
      <c r="D40" s="62">
        <v>2.0898485741035304</v>
      </c>
      <c r="E40" s="275">
        <v>0.27708051588146732</v>
      </c>
      <c r="F40" s="276">
        <v>4.9648945117629975E-2</v>
      </c>
      <c r="G40" s="275">
        <v>0.26190149366714094</v>
      </c>
      <c r="H40" s="276">
        <v>4.8800605577475384E-2</v>
      </c>
    </row>
    <row r="41" spans="1:8" s="5" customFormat="1">
      <c r="A41" s="44" t="s">
        <v>559</v>
      </c>
      <c r="B41" s="53">
        <v>3475</v>
      </c>
      <c r="C41" s="54">
        <v>68.740173449456194</v>
      </c>
      <c r="D41" s="55">
        <v>0.59011672679173044</v>
      </c>
      <c r="E41" s="277">
        <v>0.28058356427106412</v>
      </c>
      <c r="F41" s="274">
        <v>1.5238529659393074E-2</v>
      </c>
      <c r="G41" s="277">
        <v>0.30953108498976667</v>
      </c>
      <c r="H41" s="274">
        <v>1.5678758708484182E-2</v>
      </c>
    </row>
    <row r="42" spans="1:8" s="5" customFormat="1">
      <c r="A42" s="48" t="s">
        <v>560</v>
      </c>
      <c r="B42" s="60">
        <v>2878</v>
      </c>
      <c r="C42" s="61">
        <v>70.411441078098761</v>
      </c>
      <c r="D42" s="62">
        <v>0.63360246001302978</v>
      </c>
      <c r="E42" s="275">
        <v>0.23809675651978313</v>
      </c>
      <c r="F42" s="276">
        <v>1.5875861401692455E-2</v>
      </c>
      <c r="G42" s="275">
        <v>0.34724593941614307</v>
      </c>
      <c r="H42" s="276">
        <v>1.7739377901601166E-2</v>
      </c>
    </row>
    <row r="43" spans="1:8" s="5" customFormat="1">
      <c r="A43" s="44" t="s">
        <v>368</v>
      </c>
      <c r="B43" s="53">
        <v>155</v>
      </c>
      <c r="C43" s="54">
        <v>68.600638368256639</v>
      </c>
      <c r="D43" s="55">
        <v>2.9922198466675121</v>
      </c>
      <c r="E43" s="277">
        <v>0.25495212136534479</v>
      </c>
      <c r="F43" s="274">
        <v>6.9668548551995016E-2</v>
      </c>
      <c r="G43" s="277">
        <v>0.27001230543689092</v>
      </c>
      <c r="H43" s="274">
        <v>7.0885421706244178E-2</v>
      </c>
    </row>
    <row r="44" spans="1:8" s="5" customFormat="1">
      <c r="A44" s="48" t="s">
        <v>150</v>
      </c>
      <c r="B44" s="60">
        <v>260</v>
      </c>
      <c r="C44" s="61">
        <v>73.566213268255666</v>
      </c>
      <c r="D44" s="62">
        <v>2.0633483797143413</v>
      </c>
      <c r="E44" s="275">
        <v>0.21069990922427048</v>
      </c>
      <c r="F44" s="276">
        <v>5.0575841956210732E-2</v>
      </c>
      <c r="G44" s="275">
        <v>0.40972857210193536</v>
      </c>
      <c r="H44" s="276">
        <v>6.056503339911256E-2</v>
      </c>
    </row>
    <row r="45" spans="1:8" s="5" customFormat="1">
      <c r="A45" s="44" t="s">
        <v>352</v>
      </c>
      <c r="B45" s="53">
        <v>118</v>
      </c>
      <c r="C45" s="54">
        <v>74.423146819072016</v>
      </c>
      <c r="D45" s="55">
        <v>3.0669375782071193</v>
      </c>
      <c r="E45" s="277">
        <v>0.16657642873339509</v>
      </c>
      <c r="F45" s="274">
        <v>6.9187115047361455E-2</v>
      </c>
      <c r="G45" s="277">
        <v>0.43436855855437062</v>
      </c>
      <c r="H45" s="274">
        <v>8.9803125568730602E-2</v>
      </c>
    </row>
    <row r="46" spans="1:8" s="5" customFormat="1">
      <c r="A46" s="48" t="s">
        <v>353</v>
      </c>
      <c r="B46" s="60">
        <v>109</v>
      </c>
      <c r="C46" s="61">
        <v>70.137545810695613</v>
      </c>
      <c r="D46" s="62">
        <v>3.3947488456848216</v>
      </c>
      <c r="E46" s="275">
        <v>0.31418548186183837</v>
      </c>
      <c r="F46" s="276">
        <v>8.7820027781130808E-2</v>
      </c>
      <c r="G46" s="275">
        <v>0.34739503116597475</v>
      </c>
      <c r="H46" s="276">
        <v>8.9902852191651311E-2</v>
      </c>
    </row>
    <row r="47" spans="1:8" s="5" customFormat="1">
      <c r="A47" s="44" t="s">
        <v>369</v>
      </c>
      <c r="B47" s="57">
        <v>413</v>
      </c>
      <c r="C47" s="58">
        <v>71.804121836340428</v>
      </c>
      <c r="D47" s="59">
        <v>1.674191607494081</v>
      </c>
      <c r="E47" s="273">
        <v>0.21588718533585208</v>
      </c>
      <c r="F47" s="274">
        <v>4.047927120352679E-2</v>
      </c>
      <c r="G47" s="273">
        <v>0.36559787209316752</v>
      </c>
      <c r="H47" s="274">
        <v>4.720290973396269E-2</v>
      </c>
    </row>
    <row r="48" spans="1:8">
      <c r="A48" s="48" t="s">
        <v>354</v>
      </c>
      <c r="B48" s="60">
        <v>70</v>
      </c>
      <c r="C48" s="61">
        <v>71.881777479003233</v>
      </c>
      <c r="D48" s="62">
        <v>3.9990262571302755</v>
      </c>
      <c r="E48" s="275">
        <v>0.18083953785988638</v>
      </c>
      <c r="F48" s="276">
        <v>9.2663655166867448E-2</v>
      </c>
      <c r="G48" s="275">
        <v>0.34131866958336232</v>
      </c>
      <c r="H48" s="276">
        <v>0.110885575507852</v>
      </c>
    </row>
    <row r="49" spans="1:50">
      <c r="A49" s="44" t="s">
        <v>355</v>
      </c>
      <c r="B49" s="53">
        <v>71</v>
      </c>
      <c r="C49" s="54">
        <v>71.328511423579243</v>
      </c>
      <c r="D49" s="55">
        <v>3.452091646928745</v>
      </c>
      <c r="E49" s="277">
        <v>0.19568570290925702</v>
      </c>
      <c r="F49" s="274">
        <v>9.437725516740704E-2</v>
      </c>
      <c r="G49" s="277">
        <v>0.23605941302744796</v>
      </c>
      <c r="H49" s="274">
        <v>0.10001815931221215</v>
      </c>
    </row>
    <row r="50" spans="1:50">
      <c r="A50" s="48" t="s">
        <v>356</v>
      </c>
      <c r="B50" s="60">
        <v>66</v>
      </c>
      <c r="C50" s="61">
        <v>74.579347016262361</v>
      </c>
      <c r="D50" s="62">
        <v>3.7090017241276545</v>
      </c>
      <c r="E50" s="275">
        <v>0.16847372369462843</v>
      </c>
      <c r="F50" s="276">
        <v>9.3286821838396594E-2</v>
      </c>
      <c r="G50" s="275">
        <v>0.42533156386216048</v>
      </c>
      <c r="H50" s="276">
        <v>0.11833212463047386</v>
      </c>
    </row>
    <row r="51" spans="1:50">
      <c r="A51" s="56" t="s">
        <v>357</v>
      </c>
      <c r="B51" s="57">
        <v>49</v>
      </c>
      <c r="C51" s="58">
        <v>72.908717180042487</v>
      </c>
      <c r="D51" s="59">
        <v>5.1079394428158515</v>
      </c>
      <c r="E51" s="273">
        <v>0.21186363047419859</v>
      </c>
      <c r="F51" s="274">
        <v>0.11624185788399266</v>
      </c>
      <c r="G51" s="273">
        <v>0.370617872689744</v>
      </c>
      <c r="H51" s="274">
        <v>0.13337185027797754</v>
      </c>
    </row>
    <row r="52" spans="1:50">
      <c r="A52" s="48" t="s">
        <v>358</v>
      </c>
      <c r="B52" s="60">
        <v>91</v>
      </c>
      <c r="C52" s="61">
        <v>70.429406293446405</v>
      </c>
      <c r="D52" s="62">
        <v>3.8807095748678151</v>
      </c>
      <c r="E52" s="275">
        <v>0.22854982784722178</v>
      </c>
      <c r="F52" s="276">
        <v>8.7633024329622028E-2</v>
      </c>
      <c r="G52" s="275">
        <v>0.33254510028453121</v>
      </c>
      <c r="H52" s="276">
        <v>9.7174937894886015E-2</v>
      </c>
    </row>
    <row r="53" spans="1:50">
      <c r="A53" s="56" t="s">
        <v>359</v>
      </c>
      <c r="B53" s="57">
        <v>115</v>
      </c>
      <c r="C53" s="58">
        <v>70.336440688765109</v>
      </c>
      <c r="D53" s="59">
        <v>3.5896040929733775</v>
      </c>
      <c r="E53" s="273">
        <v>0.27201911572635223</v>
      </c>
      <c r="F53" s="274">
        <v>8.2290758975813783E-2</v>
      </c>
      <c r="G53" s="273">
        <v>0.41697663202908231</v>
      </c>
      <c r="H53" s="274">
        <v>9.0481943827065259E-2</v>
      </c>
    </row>
    <row r="54" spans="1:50">
      <c r="A54" s="48" t="s">
        <v>371</v>
      </c>
      <c r="B54" s="60">
        <v>176</v>
      </c>
      <c r="C54" s="61">
        <v>73.1203118631405</v>
      </c>
      <c r="D54" s="62">
        <v>2.3638874802118623</v>
      </c>
      <c r="E54" s="275">
        <v>0.17883271225785058</v>
      </c>
      <c r="F54" s="276">
        <v>5.80009598216314E-2</v>
      </c>
      <c r="G54" s="275">
        <v>0.38230477413946073</v>
      </c>
      <c r="H54" s="276">
        <v>7.2534535079570209E-2</v>
      </c>
    </row>
    <row r="55" spans="1:50">
      <c r="A55" s="56" t="s">
        <v>360</v>
      </c>
      <c r="B55" s="57">
        <v>101</v>
      </c>
      <c r="C55" s="58">
        <v>75.086497654739347</v>
      </c>
      <c r="D55" s="59">
        <v>2.695746750946558</v>
      </c>
      <c r="E55" s="273">
        <v>0.14319192428880537</v>
      </c>
      <c r="F55" s="274">
        <v>7.0966980396747231E-2</v>
      </c>
      <c r="G55" s="273">
        <v>0.40705605228989145</v>
      </c>
      <c r="H55" s="274">
        <v>9.6017272890523919E-2</v>
      </c>
    </row>
    <row r="56" spans="1:50">
      <c r="A56" s="48" t="s">
        <v>370</v>
      </c>
      <c r="B56" s="60">
        <v>286</v>
      </c>
      <c r="C56" s="61">
        <v>72.109743625616204</v>
      </c>
      <c r="D56" s="62">
        <v>2.0699059197616672</v>
      </c>
      <c r="E56" s="275">
        <v>0.19033570460083793</v>
      </c>
      <c r="F56" s="276">
        <v>4.6495839876261269E-2</v>
      </c>
      <c r="G56" s="275">
        <v>0.36222814299868383</v>
      </c>
      <c r="H56" s="276">
        <v>5.6512302035635335E-2</v>
      </c>
    </row>
    <row r="57" spans="1:50">
      <c r="A57" s="56" t="s">
        <v>361</v>
      </c>
      <c r="B57" s="57">
        <v>126</v>
      </c>
      <c r="C57" s="58">
        <v>74.58669343625283</v>
      </c>
      <c r="D57" s="59">
        <v>3.0951037805913715</v>
      </c>
      <c r="E57" s="273">
        <v>0.13732919091263482</v>
      </c>
      <c r="F57" s="274">
        <v>6.2373445940900024E-2</v>
      </c>
      <c r="G57" s="273">
        <v>0.43016401119329717</v>
      </c>
      <c r="H57" s="274">
        <v>8.6898427785161741E-2</v>
      </c>
    </row>
    <row r="58" spans="1:50">
      <c r="A58" s="48" t="s">
        <v>375</v>
      </c>
      <c r="B58" s="60">
        <v>111</v>
      </c>
      <c r="C58" s="61">
        <v>70.092118815553604</v>
      </c>
      <c r="D58" s="62">
        <v>3.1575129798585508</v>
      </c>
      <c r="E58" s="275">
        <v>0.22735682512242114</v>
      </c>
      <c r="F58" s="276">
        <v>7.9289639463701142E-2</v>
      </c>
      <c r="G58" s="275">
        <v>0.30087489151445485</v>
      </c>
      <c r="H58" s="276">
        <v>8.6085809076207817E-2</v>
      </c>
    </row>
    <row r="59" spans="1:50" s="5" customFormat="1">
      <c r="A59" s="56" t="s">
        <v>358</v>
      </c>
      <c r="B59" s="57">
        <v>91</v>
      </c>
      <c r="C59" s="58">
        <v>70.429406293446405</v>
      </c>
      <c r="D59" s="59">
        <v>3.8807095748678151</v>
      </c>
      <c r="E59" s="273">
        <v>0.22854982784722178</v>
      </c>
      <c r="F59" s="274">
        <v>8.7633024329622028E-2</v>
      </c>
      <c r="G59" s="273">
        <v>0.33254510028453121</v>
      </c>
      <c r="H59" s="274">
        <v>9.7174937894886015E-2</v>
      </c>
    </row>
    <row r="61" spans="1:50" ht="18.75">
      <c r="A61" s="340" t="s">
        <v>32</v>
      </c>
      <c r="B61" s="340"/>
      <c r="C61" s="340"/>
      <c r="D61" s="340"/>
      <c r="E61" s="340"/>
      <c r="F61" s="340"/>
      <c r="G61" s="340"/>
      <c r="H61" s="340"/>
      <c r="I61" s="340"/>
      <c r="J61" s="340"/>
      <c r="K61" s="340"/>
      <c r="L61" s="340"/>
      <c r="M61" s="340"/>
      <c r="N61" s="340"/>
      <c r="O61" s="340"/>
      <c r="P61" s="340"/>
      <c r="Q61" s="340"/>
      <c r="R61" s="340"/>
      <c r="S61" s="340"/>
      <c r="T61" s="340"/>
      <c r="U61" s="340"/>
      <c r="V61" s="340"/>
      <c r="W61" s="340"/>
      <c r="X61" s="340"/>
      <c r="Y61" s="340"/>
      <c r="Z61" s="340"/>
      <c r="AA61" s="340"/>
      <c r="AB61" s="340"/>
      <c r="AC61" s="340"/>
      <c r="AD61" s="340"/>
      <c r="AE61" s="340"/>
      <c r="AF61" s="340"/>
      <c r="AG61" s="340"/>
      <c r="AH61" s="340"/>
      <c r="AI61" s="340"/>
      <c r="AJ61" s="340"/>
      <c r="AK61" s="340"/>
      <c r="AL61" s="340"/>
      <c r="AM61" s="340"/>
      <c r="AN61" s="340"/>
      <c r="AO61" s="340"/>
      <c r="AP61" s="340"/>
      <c r="AQ61" s="340"/>
      <c r="AR61" s="340"/>
      <c r="AS61" s="340"/>
      <c r="AT61" s="340"/>
      <c r="AU61" s="340"/>
      <c r="AV61" s="340"/>
      <c r="AW61" s="340"/>
      <c r="AX61" s="340"/>
    </row>
    <row r="62" spans="1:50" ht="70.5" customHeight="1">
      <c r="A62" s="339" t="s">
        <v>583</v>
      </c>
      <c r="B62" s="339"/>
      <c r="C62" s="339"/>
      <c r="D62" s="339"/>
      <c r="E62" s="339"/>
      <c r="F62" s="339"/>
      <c r="G62" s="339"/>
      <c r="H62" s="339"/>
      <c r="I62" s="339"/>
      <c r="J62" s="339"/>
      <c r="K62" s="339"/>
      <c r="L62" s="339"/>
      <c r="M62" s="339"/>
      <c r="N62" s="339"/>
      <c r="O62" s="339"/>
      <c r="P62" s="339"/>
      <c r="Q62" s="339"/>
      <c r="R62" s="339"/>
      <c r="S62" s="339"/>
      <c r="T62" s="339"/>
      <c r="U62" s="339"/>
      <c r="V62" s="339"/>
      <c r="W62" s="339"/>
      <c r="X62" s="339"/>
      <c r="Y62" s="339"/>
      <c r="Z62" s="339"/>
      <c r="AA62" s="339"/>
      <c r="AB62" s="339"/>
      <c r="AC62" s="339"/>
      <c r="AD62" s="339"/>
      <c r="AE62" s="339"/>
      <c r="AF62" s="339"/>
      <c r="AG62" s="339"/>
      <c r="AH62" s="339"/>
      <c r="AI62" s="339"/>
      <c r="AJ62" s="339"/>
      <c r="AK62" s="339"/>
      <c r="AL62" s="339"/>
      <c r="AM62" s="339"/>
      <c r="AN62" s="339"/>
      <c r="AO62" s="339"/>
      <c r="AP62" s="339"/>
      <c r="AQ62" s="339"/>
      <c r="AR62" s="339"/>
      <c r="AS62" s="339"/>
      <c r="AT62" s="339"/>
      <c r="AU62" s="339"/>
      <c r="AV62" s="339"/>
      <c r="AW62" s="339"/>
      <c r="AX62" s="339"/>
    </row>
    <row r="63" spans="1:50" ht="32.25" customHeight="1">
      <c r="A63" s="315" t="s">
        <v>77</v>
      </c>
      <c r="B63" s="336" t="s">
        <v>78</v>
      </c>
      <c r="C63" s="337"/>
      <c r="D63" s="337"/>
      <c r="E63" s="337"/>
      <c r="F63" s="337"/>
      <c r="G63" s="337"/>
      <c r="H63" s="338"/>
      <c r="I63" s="336" t="s">
        <v>336</v>
      </c>
      <c r="J63" s="337"/>
      <c r="K63" s="337"/>
      <c r="L63" s="337"/>
      <c r="M63" s="337"/>
      <c r="N63" s="337"/>
      <c r="O63" s="338"/>
      <c r="P63" s="336" t="s">
        <v>337</v>
      </c>
      <c r="Q63" s="337"/>
      <c r="R63" s="337"/>
      <c r="S63" s="337"/>
      <c r="T63" s="337"/>
      <c r="U63" s="337"/>
      <c r="V63" s="338"/>
      <c r="W63" s="336" t="s">
        <v>79</v>
      </c>
      <c r="X63" s="337"/>
      <c r="Y63" s="337"/>
      <c r="Z63" s="337"/>
      <c r="AA63" s="337"/>
      <c r="AB63" s="337"/>
      <c r="AC63" s="338"/>
      <c r="AD63" s="336" t="s">
        <v>80</v>
      </c>
      <c r="AE63" s="337"/>
      <c r="AF63" s="337"/>
      <c r="AG63" s="337"/>
      <c r="AH63" s="337"/>
      <c r="AI63" s="337"/>
      <c r="AJ63" s="338"/>
      <c r="AK63" s="336" t="s">
        <v>81</v>
      </c>
      <c r="AL63" s="337"/>
      <c r="AM63" s="337"/>
      <c r="AN63" s="337"/>
      <c r="AO63" s="337"/>
      <c r="AP63" s="337"/>
      <c r="AQ63" s="338"/>
      <c r="AR63" s="336" t="s">
        <v>82</v>
      </c>
      <c r="AS63" s="337"/>
      <c r="AT63" s="337"/>
      <c r="AU63" s="337"/>
      <c r="AV63" s="337"/>
      <c r="AW63" s="337"/>
      <c r="AX63" s="338"/>
    </row>
    <row r="64" spans="1:50" ht="43.5" customHeight="1">
      <c r="A64" s="36" t="s">
        <v>70</v>
      </c>
      <c r="B64" s="37" t="s">
        <v>71</v>
      </c>
      <c r="C64" s="38" t="s">
        <v>593</v>
      </c>
      <c r="D64" s="39" t="s">
        <v>72</v>
      </c>
      <c r="E64" s="38" t="s">
        <v>330</v>
      </c>
      <c r="F64" s="39" t="s">
        <v>334</v>
      </c>
      <c r="G64" s="38" t="s">
        <v>332</v>
      </c>
      <c r="H64" s="39" t="s">
        <v>335</v>
      </c>
      <c r="I64" s="64" t="s">
        <v>71</v>
      </c>
      <c r="J64" s="65" t="s">
        <v>593</v>
      </c>
      <c r="K64" s="66" t="s">
        <v>72</v>
      </c>
      <c r="L64" s="65" t="s">
        <v>330</v>
      </c>
      <c r="M64" s="66" t="s">
        <v>334</v>
      </c>
      <c r="N64" s="65" t="s">
        <v>332</v>
      </c>
      <c r="O64" s="66" t="s">
        <v>335</v>
      </c>
      <c r="P64" s="37" t="s">
        <v>71</v>
      </c>
      <c r="Q64" s="38" t="s">
        <v>593</v>
      </c>
      <c r="R64" s="39" t="s">
        <v>72</v>
      </c>
      <c r="S64" s="38" t="s">
        <v>330</v>
      </c>
      <c r="T64" s="39" t="s">
        <v>334</v>
      </c>
      <c r="U64" s="38" t="s">
        <v>332</v>
      </c>
      <c r="V64" s="39" t="s">
        <v>335</v>
      </c>
      <c r="W64" s="64" t="s">
        <v>71</v>
      </c>
      <c r="X64" s="65" t="s">
        <v>593</v>
      </c>
      <c r="Y64" s="66" t="s">
        <v>72</v>
      </c>
      <c r="Z64" s="65" t="s">
        <v>330</v>
      </c>
      <c r="AA64" s="66" t="s">
        <v>334</v>
      </c>
      <c r="AB64" s="65" t="s">
        <v>332</v>
      </c>
      <c r="AC64" s="66" t="s">
        <v>335</v>
      </c>
      <c r="AD64" s="37" t="s">
        <v>71</v>
      </c>
      <c r="AE64" s="38" t="s">
        <v>593</v>
      </c>
      <c r="AF64" s="39" t="s">
        <v>72</v>
      </c>
      <c r="AG64" s="38" t="s">
        <v>330</v>
      </c>
      <c r="AH64" s="39" t="s">
        <v>334</v>
      </c>
      <c r="AI64" s="38" t="s">
        <v>332</v>
      </c>
      <c r="AJ64" s="39" t="s">
        <v>335</v>
      </c>
      <c r="AK64" s="64" t="s">
        <v>71</v>
      </c>
      <c r="AL64" s="65" t="s">
        <v>593</v>
      </c>
      <c r="AM64" s="66" t="s">
        <v>72</v>
      </c>
      <c r="AN64" s="65" t="s">
        <v>330</v>
      </c>
      <c r="AO64" s="66" t="s">
        <v>334</v>
      </c>
      <c r="AP64" s="65" t="s">
        <v>332</v>
      </c>
      <c r="AQ64" s="66" t="s">
        <v>335</v>
      </c>
      <c r="AR64" s="37" t="s">
        <v>71</v>
      </c>
      <c r="AS64" s="38" t="s">
        <v>593</v>
      </c>
      <c r="AT64" s="39" t="s">
        <v>72</v>
      </c>
      <c r="AU64" s="38" t="s">
        <v>330</v>
      </c>
      <c r="AV64" s="39" t="s">
        <v>334</v>
      </c>
      <c r="AW64" s="38" t="s">
        <v>332</v>
      </c>
      <c r="AX64" s="39" t="s">
        <v>335</v>
      </c>
    </row>
    <row r="65" spans="1:50" ht="69" customHeight="1">
      <c r="A65" s="40"/>
      <c r="B65" s="41" t="s">
        <v>73</v>
      </c>
      <c r="C65" s="42" t="s">
        <v>74</v>
      </c>
      <c r="D65" s="43" t="s">
        <v>75</v>
      </c>
      <c r="E65" s="42" t="s">
        <v>331</v>
      </c>
      <c r="F65" s="90" t="s">
        <v>87</v>
      </c>
      <c r="G65" s="42" t="s">
        <v>333</v>
      </c>
      <c r="H65" s="90" t="s">
        <v>87</v>
      </c>
      <c r="I65" s="67" t="s">
        <v>73</v>
      </c>
      <c r="J65" s="68" t="s">
        <v>74</v>
      </c>
      <c r="K65" s="69" t="s">
        <v>75</v>
      </c>
      <c r="L65" s="68" t="s">
        <v>331</v>
      </c>
      <c r="M65" s="69" t="s">
        <v>75</v>
      </c>
      <c r="N65" s="68" t="s">
        <v>333</v>
      </c>
      <c r="O65" s="69" t="s">
        <v>87</v>
      </c>
      <c r="P65" s="41" t="s">
        <v>73</v>
      </c>
      <c r="Q65" s="42" t="s">
        <v>74</v>
      </c>
      <c r="R65" s="43" t="s">
        <v>75</v>
      </c>
      <c r="S65" s="42" t="s">
        <v>331</v>
      </c>
      <c r="T65" s="43" t="s">
        <v>87</v>
      </c>
      <c r="U65" s="42" t="s">
        <v>333</v>
      </c>
      <c r="V65" s="43" t="s">
        <v>87</v>
      </c>
      <c r="W65" s="67" t="s">
        <v>73</v>
      </c>
      <c r="X65" s="68" t="s">
        <v>74</v>
      </c>
      <c r="Y65" s="69" t="s">
        <v>75</v>
      </c>
      <c r="Z65" s="68" t="s">
        <v>331</v>
      </c>
      <c r="AA65" s="69" t="s">
        <v>87</v>
      </c>
      <c r="AB65" s="68" t="s">
        <v>333</v>
      </c>
      <c r="AC65" s="69" t="s">
        <v>87</v>
      </c>
      <c r="AD65" s="41" t="s">
        <v>73</v>
      </c>
      <c r="AE65" s="42" t="s">
        <v>74</v>
      </c>
      <c r="AF65" s="43" t="s">
        <v>75</v>
      </c>
      <c r="AG65" s="42" t="s">
        <v>331</v>
      </c>
      <c r="AH65" s="43" t="s">
        <v>87</v>
      </c>
      <c r="AI65" s="42" t="s">
        <v>333</v>
      </c>
      <c r="AJ65" s="43" t="s">
        <v>87</v>
      </c>
      <c r="AK65" s="67" t="s">
        <v>73</v>
      </c>
      <c r="AL65" s="68" t="s">
        <v>74</v>
      </c>
      <c r="AM65" s="69" t="s">
        <v>75</v>
      </c>
      <c r="AN65" s="68" t="s">
        <v>331</v>
      </c>
      <c r="AO65" s="69" t="s">
        <v>87</v>
      </c>
      <c r="AP65" s="68" t="s">
        <v>333</v>
      </c>
      <c r="AQ65" s="69" t="s">
        <v>87</v>
      </c>
      <c r="AR65" s="41" t="s">
        <v>73</v>
      </c>
      <c r="AS65" s="42" t="s">
        <v>74</v>
      </c>
      <c r="AT65" s="43" t="s">
        <v>75</v>
      </c>
      <c r="AU65" s="42" t="s">
        <v>331</v>
      </c>
      <c r="AV65" s="43" t="s">
        <v>87</v>
      </c>
      <c r="AW65" s="42" t="s">
        <v>333</v>
      </c>
      <c r="AX65" s="43" t="s">
        <v>87</v>
      </c>
    </row>
    <row r="66" spans="1:50">
      <c r="A66" s="44" t="s">
        <v>349</v>
      </c>
      <c r="B66" s="70">
        <v>13570</v>
      </c>
      <c r="C66" s="71">
        <v>71.438630345390308</v>
      </c>
      <c r="D66" s="72">
        <v>0.35337904261092806</v>
      </c>
      <c r="E66" s="280">
        <v>0.240466845408177</v>
      </c>
      <c r="F66" s="281">
        <v>7.3370964794701836E-3</v>
      </c>
      <c r="G66" s="282">
        <v>0.40087115027287756</v>
      </c>
      <c r="H66" s="281">
        <v>8.4128631801001236E-3</v>
      </c>
      <c r="I66" s="70">
        <v>13556</v>
      </c>
      <c r="J66" s="71">
        <v>67.249706894513793</v>
      </c>
      <c r="K66" s="72">
        <v>0.39074111841170045</v>
      </c>
      <c r="L66" s="280">
        <v>0.30006086316616065</v>
      </c>
      <c r="M66" s="281">
        <v>7.8715334654811085E-3</v>
      </c>
      <c r="N66" s="282">
        <v>0.32844081781997503</v>
      </c>
      <c r="O66" s="281">
        <v>8.0665522454644312E-3</v>
      </c>
      <c r="P66" s="70">
        <v>13533</v>
      </c>
      <c r="Q66" s="71">
        <v>65.322654533475699</v>
      </c>
      <c r="R66" s="72">
        <v>0.4054703749536423</v>
      </c>
      <c r="S66" s="280">
        <v>0.34047814760760325</v>
      </c>
      <c r="T66" s="281">
        <v>8.1459649654541111E-3</v>
      </c>
      <c r="U66" s="282">
        <v>0.31825195682542395</v>
      </c>
      <c r="V66" s="281">
        <v>8.0072945826806866E-3</v>
      </c>
      <c r="W66" s="70">
        <v>13522</v>
      </c>
      <c r="X66" s="71">
        <v>71.045567311173087</v>
      </c>
      <c r="Y66" s="72">
        <v>0.42066220326834314</v>
      </c>
      <c r="Z66" s="280">
        <v>0.2735156750950844</v>
      </c>
      <c r="AA66" s="281">
        <v>7.6662448437937727E-3</v>
      </c>
      <c r="AB66" s="282">
        <v>0.44866137810191631</v>
      </c>
      <c r="AC66" s="281">
        <v>8.5529360242496532E-3</v>
      </c>
      <c r="AD66" s="70">
        <v>13549</v>
      </c>
      <c r="AE66" s="71">
        <v>74.042393617335378</v>
      </c>
      <c r="AF66" s="72">
        <v>0.36492693047760022</v>
      </c>
      <c r="AG66" s="280">
        <v>0.21918160250748378</v>
      </c>
      <c r="AH66" s="281">
        <v>7.1080158760762173E-3</v>
      </c>
      <c r="AI66" s="282">
        <v>0.48085613989649967</v>
      </c>
      <c r="AJ66" s="281">
        <v>8.5834900597652631E-3</v>
      </c>
      <c r="AK66" s="70">
        <v>13525</v>
      </c>
      <c r="AL66" s="71">
        <v>64.115309634413777</v>
      </c>
      <c r="AM66" s="72">
        <v>0.42139710288579496</v>
      </c>
      <c r="AN66" s="280">
        <v>0.37418317763397418</v>
      </c>
      <c r="AO66" s="281">
        <v>8.3209243159596807E-3</v>
      </c>
      <c r="AP66" s="282">
        <v>0.29474715129768669</v>
      </c>
      <c r="AQ66" s="281">
        <v>7.8400782607710145E-3</v>
      </c>
      <c r="AR66" s="70">
        <v>13529</v>
      </c>
      <c r="AS66" s="71">
        <v>64.674676425130073</v>
      </c>
      <c r="AT66" s="72">
        <v>0.43499056656587498</v>
      </c>
      <c r="AU66" s="280">
        <v>0.36491027912587382</v>
      </c>
      <c r="AV66" s="281">
        <v>8.2766321104891776E-3</v>
      </c>
      <c r="AW66" s="282">
        <v>0.32030615518574806</v>
      </c>
      <c r="AX66" s="281">
        <v>8.0221596477630282E-3</v>
      </c>
    </row>
    <row r="67" spans="1:50" s="5" customFormat="1">
      <c r="A67" s="48" t="s">
        <v>350</v>
      </c>
      <c r="B67" s="73">
        <v>10055</v>
      </c>
      <c r="C67" s="74">
        <v>73.164697367354762</v>
      </c>
      <c r="D67" s="75">
        <v>0.40048464601374079</v>
      </c>
      <c r="E67" s="283">
        <v>0.20987679526600334</v>
      </c>
      <c r="F67" s="284">
        <v>8.1221281139804268E-3</v>
      </c>
      <c r="G67" s="285">
        <v>0.43607647042244929</v>
      </c>
      <c r="H67" s="284">
        <v>9.8888751877334678E-3</v>
      </c>
      <c r="I67" s="73">
        <v>10043</v>
      </c>
      <c r="J67" s="74">
        <v>66.862155971112429</v>
      </c>
      <c r="K67" s="75">
        <v>0.45433726982971639</v>
      </c>
      <c r="L67" s="283">
        <v>0.30751297821261192</v>
      </c>
      <c r="M67" s="284">
        <v>9.2082990362279665E-3</v>
      </c>
      <c r="N67" s="285">
        <v>0.3300229878843946</v>
      </c>
      <c r="O67" s="284">
        <v>9.3828857711381556E-3</v>
      </c>
      <c r="P67" s="73">
        <v>10027</v>
      </c>
      <c r="Q67" s="74">
        <v>66.791836467068165</v>
      </c>
      <c r="R67" s="75">
        <v>0.46551816361235671</v>
      </c>
      <c r="S67" s="283">
        <v>0.31635250540374288</v>
      </c>
      <c r="T67" s="284">
        <v>9.2872392196801778E-3</v>
      </c>
      <c r="U67" s="285">
        <v>0.34251780998900488</v>
      </c>
      <c r="V67" s="284">
        <v>9.4767739960541098E-3</v>
      </c>
      <c r="W67" s="73">
        <v>10016</v>
      </c>
      <c r="X67" s="74">
        <v>73.037939169361266</v>
      </c>
      <c r="Y67" s="75">
        <v>0.47861896107427071</v>
      </c>
      <c r="Z67" s="283">
        <v>0.24646932655942103</v>
      </c>
      <c r="AA67" s="284">
        <v>8.6116827991018323E-3</v>
      </c>
      <c r="AB67" s="285">
        <v>0.48841836026437457</v>
      </c>
      <c r="AC67" s="284">
        <v>9.9873367464312877E-3</v>
      </c>
      <c r="AD67" s="73">
        <v>10042</v>
      </c>
      <c r="AE67" s="74">
        <v>76.524111162024013</v>
      </c>
      <c r="AF67" s="75">
        <v>0.40950905192480291</v>
      </c>
      <c r="AG67" s="283">
        <v>0.18469742367316946</v>
      </c>
      <c r="AH67" s="284">
        <v>7.7452839747371976E-3</v>
      </c>
      <c r="AI67" s="285">
        <v>0.52778538758003091</v>
      </c>
      <c r="AJ67" s="284">
        <v>9.9616742556273893E-3</v>
      </c>
      <c r="AK67" s="73">
        <v>10025</v>
      </c>
      <c r="AL67" s="74">
        <v>66.892036120047791</v>
      </c>
      <c r="AM67" s="75">
        <v>0.48085713434636318</v>
      </c>
      <c r="AN67" s="283">
        <v>0.32610143263671432</v>
      </c>
      <c r="AO67" s="284">
        <v>9.3626465751574205E-3</v>
      </c>
      <c r="AP67" s="285">
        <v>0.33752311325959089</v>
      </c>
      <c r="AQ67" s="284">
        <v>9.4440602605184599E-3</v>
      </c>
      <c r="AR67" s="73">
        <v>10021</v>
      </c>
      <c r="AS67" s="74">
        <v>65.681533639053356</v>
      </c>
      <c r="AT67" s="75">
        <v>0.5044151860498951</v>
      </c>
      <c r="AU67" s="283">
        <v>0.34756852736597621</v>
      </c>
      <c r="AV67" s="284">
        <v>9.5124684552233083E-3</v>
      </c>
      <c r="AW67" s="285">
        <v>0.34075583167763918</v>
      </c>
      <c r="AX67" s="284">
        <v>9.4678672150871439E-3</v>
      </c>
    </row>
    <row r="68" spans="1:50" s="5" customFormat="1">
      <c r="A68" s="44" t="s">
        <v>351</v>
      </c>
      <c r="B68" s="53">
        <v>3515</v>
      </c>
      <c r="C68" s="54">
        <v>69.976615823825824</v>
      </c>
      <c r="D68" s="55">
        <v>0.72461273116365144</v>
      </c>
      <c r="E68" s="277">
        <v>0.26637725152457892</v>
      </c>
      <c r="F68" s="286">
        <v>1.4908813318692257E-2</v>
      </c>
      <c r="G68" s="277">
        <v>0.37105151485892707</v>
      </c>
      <c r="H68" s="286">
        <v>1.6288464832602888E-2</v>
      </c>
      <c r="I68" s="53">
        <v>3513</v>
      </c>
      <c r="J68" s="54">
        <v>67.577772556268499</v>
      </c>
      <c r="K68" s="55">
        <v>0.76498159555816492</v>
      </c>
      <c r="L68" s="277">
        <v>0.29375257461215459</v>
      </c>
      <c r="M68" s="286">
        <v>1.5364353363018937E-2</v>
      </c>
      <c r="N68" s="277">
        <v>0.3271014953261957</v>
      </c>
      <c r="O68" s="286">
        <v>1.5824386942336503E-2</v>
      </c>
      <c r="P68" s="53">
        <v>3506</v>
      </c>
      <c r="Q68" s="54">
        <v>64.076642051783381</v>
      </c>
      <c r="R68" s="55">
        <v>0.80960608416473434</v>
      </c>
      <c r="S68" s="277">
        <v>0.36093909300008564</v>
      </c>
      <c r="T68" s="286">
        <v>1.6214590668248423E-2</v>
      </c>
      <c r="U68" s="277">
        <v>0.29767209858632715</v>
      </c>
      <c r="V68" s="286">
        <v>1.5438755758263732E-2</v>
      </c>
      <c r="W68" s="53">
        <v>3506</v>
      </c>
      <c r="X68" s="54">
        <v>69.35603935690294</v>
      </c>
      <c r="Y68" s="55">
        <v>0.86006341989208956</v>
      </c>
      <c r="Z68" s="277">
        <v>0.29645093274998163</v>
      </c>
      <c r="AA68" s="286">
        <v>1.5420493849944388E-2</v>
      </c>
      <c r="AB68" s="277">
        <v>0.41494752470408403</v>
      </c>
      <c r="AC68" s="286">
        <v>1.6633558727091127E-2</v>
      </c>
      <c r="AD68" s="53">
        <v>3507</v>
      </c>
      <c r="AE68" s="54">
        <v>71.939223780586431</v>
      </c>
      <c r="AF68" s="55">
        <v>0.75907590917583134</v>
      </c>
      <c r="AG68" s="277">
        <v>0.24840575209880325</v>
      </c>
      <c r="AH68" s="286">
        <v>1.4589980835254365E-2</v>
      </c>
      <c r="AI68" s="277">
        <v>0.44108522462831345</v>
      </c>
      <c r="AJ68" s="286">
        <v>1.6759289129489815E-2</v>
      </c>
      <c r="AK68" s="53">
        <v>3500</v>
      </c>
      <c r="AL68" s="54">
        <v>61.758635626394216</v>
      </c>
      <c r="AM68" s="55">
        <v>0.83583430222926502</v>
      </c>
      <c r="AN68" s="277">
        <v>0.41499130161793196</v>
      </c>
      <c r="AO68" s="286">
        <v>1.6648049325318787E-2</v>
      </c>
      <c r="AP68" s="277">
        <v>0.2584421719468955</v>
      </c>
      <c r="AQ68" s="286">
        <v>1.4796294089987715E-2</v>
      </c>
      <c r="AR68" s="53">
        <v>3508</v>
      </c>
      <c r="AS68" s="54">
        <v>63.824219254449147</v>
      </c>
      <c r="AT68" s="55">
        <v>0.84786993618243456</v>
      </c>
      <c r="AU68" s="277">
        <v>0.37955825197883186</v>
      </c>
      <c r="AV68" s="286">
        <v>1.637845445261624E-2</v>
      </c>
      <c r="AW68" s="277">
        <v>0.30303302671217563</v>
      </c>
      <c r="AX68" s="286">
        <v>1.5512957867430328E-2</v>
      </c>
    </row>
    <row r="69" spans="1:50" s="5" customFormat="1">
      <c r="A69" s="48" t="s">
        <v>558</v>
      </c>
      <c r="B69" s="73">
        <v>322</v>
      </c>
      <c r="C69" s="74">
        <v>70.543869776866856</v>
      </c>
      <c r="D69" s="75">
        <v>2.3260267051784225</v>
      </c>
      <c r="E69" s="283">
        <v>0.26371851438830929</v>
      </c>
      <c r="F69" s="284">
        <v>4.8981364902759394E-2</v>
      </c>
      <c r="G69" s="285">
        <v>0.38816910238647251</v>
      </c>
      <c r="H69" s="284">
        <v>5.4016455899675207E-2</v>
      </c>
      <c r="I69" s="73">
        <v>323</v>
      </c>
      <c r="J69" s="74">
        <v>65.84736007518957</v>
      </c>
      <c r="K69" s="75">
        <v>2.6270214829195866</v>
      </c>
      <c r="L69" s="283">
        <v>0.31060235340734116</v>
      </c>
      <c r="M69" s="284">
        <v>5.1283317314101982E-2</v>
      </c>
      <c r="N69" s="285">
        <v>0.32416133085831683</v>
      </c>
      <c r="O69" s="284">
        <v>5.1856373027157877E-2</v>
      </c>
      <c r="P69" s="73">
        <v>323</v>
      </c>
      <c r="Q69" s="74">
        <v>63.347869922002523</v>
      </c>
      <c r="R69" s="75">
        <v>2.7166222470020451</v>
      </c>
      <c r="S69" s="283">
        <v>0.35068107017032019</v>
      </c>
      <c r="T69" s="284">
        <v>5.2839378370354191E-2</v>
      </c>
      <c r="U69" s="285">
        <v>0.27534575334824629</v>
      </c>
      <c r="V69" s="284">
        <v>4.9555534742491726E-2</v>
      </c>
      <c r="W69" s="73">
        <v>322</v>
      </c>
      <c r="X69" s="74">
        <v>71.02034011893052</v>
      </c>
      <c r="Y69" s="75">
        <v>2.7884229065067418</v>
      </c>
      <c r="Z69" s="283">
        <v>0.27145241656469815</v>
      </c>
      <c r="AA69" s="284">
        <v>4.9418701174907119E-2</v>
      </c>
      <c r="AB69" s="285">
        <v>0.44683689868922016</v>
      </c>
      <c r="AC69" s="284">
        <v>5.5078595999163531E-2</v>
      </c>
      <c r="AD69" s="73">
        <v>322</v>
      </c>
      <c r="AE69" s="74">
        <v>75.941820132153495</v>
      </c>
      <c r="AF69" s="75">
        <v>2.2162818055352704</v>
      </c>
      <c r="AG69" s="283">
        <v>0.16995862922156055</v>
      </c>
      <c r="AH69" s="284">
        <v>4.199464721238786E-2</v>
      </c>
      <c r="AI69" s="285">
        <v>0.48166035346308411</v>
      </c>
      <c r="AJ69" s="284">
        <v>5.5348517698967682E-2</v>
      </c>
      <c r="AK69" s="73">
        <v>321</v>
      </c>
      <c r="AL69" s="74">
        <v>60.772453698229931</v>
      </c>
      <c r="AM69" s="75">
        <v>2.7390129843209996</v>
      </c>
      <c r="AN69" s="283">
        <v>0.42270564208715866</v>
      </c>
      <c r="AO69" s="284">
        <v>5.4819619152318144E-2</v>
      </c>
      <c r="AP69" s="285">
        <v>0.21084748188627103</v>
      </c>
      <c r="AQ69" s="284">
        <v>4.553088261170439E-2</v>
      </c>
      <c r="AR69" s="73">
        <v>322</v>
      </c>
      <c r="AS69" s="74">
        <v>63.642629927980892</v>
      </c>
      <c r="AT69" s="75">
        <v>2.7266379503745597</v>
      </c>
      <c r="AU69" s="283">
        <v>0.35854847449792587</v>
      </c>
      <c r="AV69" s="284">
        <v>5.3178650242481994E-2</v>
      </c>
      <c r="AW69" s="285">
        <v>0.27044140511874504</v>
      </c>
      <c r="AX69" s="284">
        <v>4.9362574860608792E-2</v>
      </c>
    </row>
    <row r="70" spans="1:50" s="5" customFormat="1">
      <c r="A70" s="44" t="s">
        <v>559</v>
      </c>
      <c r="B70" s="53">
        <v>3544</v>
      </c>
      <c r="C70" s="54">
        <v>72.005021414137204</v>
      </c>
      <c r="D70" s="55">
        <v>0.66528222526134995</v>
      </c>
      <c r="E70" s="277">
        <v>0.22819856246080586</v>
      </c>
      <c r="F70" s="286">
        <v>1.4097840578955806E-2</v>
      </c>
      <c r="G70" s="277">
        <v>0.40384892085470858</v>
      </c>
      <c r="H70" s="286">
        <v>1.6475727897247279E-2</v>
      </c>
      <c r="I70" s="53">
        <v>3534</v>
      </c>
      <c r="J70" s="54">
        <v>67.977069340430248</v>
      </c>
      <c r="K70" s="55">
        <v>0.75481804108335393</v>
      </c>
      <c r="L70" s="277">
        <v>0.29081462232335659</v>
      </c>
      <c r="M70" s="286">
        <v>1.527366218091053E-2</v>
      </c>
      <c r="N70" s="277">
        <v>0.33985933255040435</v>
      </c>
      <c r="O70" s="286">
        <v>1.5928504815996038E-2</v>
      </c>
      <c r="P70" s="53">
        <v>3525</v>
      </c>
      <c r="Q70" s="54">
        <v>66.053826610837206</v>
      </c>
      <c r="R70" s="55">
        <v>0.779025992988994</v>
      </c>
      <c r="S70" s="277">
        <v>0.32964533047798189</v>
      </c>
      <c r="T70" s="286">
        <v>1.582867459252538E-2</v>
      </c>
      <c r="U70" s="277">
        <v>0.33892767237919819</v>
      </c>
      <c r="V70" s="286">
        <v>1.5938194806668939E-2</v>
      </c>
      <c r="W70" s="53">
        <v>3517</v>
      </c>
      <c r="X70" s="54">
        <v>71.186045002789825</v>
      </c>
      <c r="Y70" s="55">
        <v>0.8019014791167971</v>
      </c>
      <c r="Z70" s="277">
        <v>0.27237967385910339</v>
      </c>
      <c r="AA70" s="286">
        <v>1.500947874779497E-2</v>
      </c>
      <c r="AB70" s="277">
        <v>0.44873086852200472</v>
      </c>
      <c r="AC70" s="286">
        <v>1.6763976098070048E-2</v>
      </c>
      <c r="AD70" s="53">
        <v>3534</v>
      </c>
      <c r="AE70" s="54">
        <v>75.242050352819334</v>
      </c>
      <c r="AF70" s="55">
        <v>0.6874146971012981</v>
      </c>
      <c r="AG70" s="277">
        <v>0.21501693370423422</v>
      </c>
      <c r="AH70" s="286">
        <v>1.3821448393675143E-2</v>
      </c>
      <c r="AI70" s="277">
        <v>0.51515599065355944</v>
      </c>
      <c r="AJ70" s="286">
        <v>1.6804358066612311E-2</v>
      </c>
      <c r="AK70" s="53">
        <v>3523</v>
      </c>
      <c r="AL70" s="54">
        <v>64.394208182177849</v>
      </c>
      <c r="AM70" s="55">
        <v>0.81175803805158531</v>
      </c>
      <c r="AN70" s="277">
        <v>0.37159255989258944</v>
      </c>
      <c r="AO70" s="286">
        <v>1.6274819698321428E-2</v>
      </c>
      <c r="AP70" s="277">
        <v>0.30366329576212236</v>
      </c>
      <c r="AQ70" s="286">
        <v>1.5488978655946751E-2</v>
      </c>
      <c r="AR70" s="53">
        <v>3528</v>
      </c>
      <c r="AS70" s="54">
        <v>65.056748066577754</v>
      </c>
      <c r="AT70" s="55">
        <v>0.85112965799685636</v>
      </c>
      <c r="AU70" s="277">
        <v>0.35641450640471745</v>
      </c>
      <c r="AV70" s="286">
        <v>1.6119242692663984E-2</v>
      </c>
      <c r="AW70" s="277">
        <v>0.34069841958767377</v>
      </c>
      <c r="AX70" s="286">
        <v>1.5951528112080809E-2</v>
      </c>
    </row>
    <row r="71" spans="1:50" s="5" customFormat="1">
      <c r="A71" s="48" t="s">
        <v>560</v>
      </c>
      <c r="B71" s="73">
        <v>2942</v>
      </c>
      <c r="C71" s="74">
        <v>74.553665052020335</v>
      </c>
      <c r="D71" s="75">
        <v>0.7158145148546734</v>
      </c>
      <c r="E71" s="283">
        <v>0.19631103783214945</v>
      </c>
      <c r="F71" s="284">
        <v>1.4647859828577066E-2</v>
      </c>
      <c r="G71" s="285">
        <v>0.46282237729233844</v>
      </c>
      <c r="H71" s="284">
        <v>1.8373125064118069E-2</v>
      </c>
      <c r="I71" s="73">
        <v>2932</v>
      </c>
      <c r="J71" s="74">
        <v>66.880650121426086</v>
      </c>
      <c r="K71" s="75">
        <v>0.83881109608887916</v>
      </c>
      <c r="L71" s="283">
        <v>0.31424134290084149</v>
      </c>
      <c r="M71" s="284">
        <v>1.7138149988960898E-2</v>
      </c>
      <c r="N71" s="285">
        <v>0.33371713725975666</v>
      </c>
      <c r="O71" s="284">
        <v>1.7407806933916286E-2</v>
      </c>
      <c r="P71" s="73">
        <v>2929</v>
      </c>
      <c r="Q71" s="74">
        <v>67.859949063312243</v>
      </c>
      <c r="R71" s="75">
        <v>0.8434582923177224</v>
      </c>
      <c r="S71" s="283">
        <v>0.30338583715302969</v>
      </c>
      <c r="T71" s="284">
        <v>1.6981498107860055E-2</v>
      </c>
      <c r="U71" s="285">
        <v>0.35662888482132693</v>
      </c>
      <c r="V71" s="284">
        <v>1.7691555532326746E-2</v>
      </c>
      <c r="W71" s="73">
        <v>2918</v>
      </c>
      <c r="X71" s="74">
        <v>73.999848342095888</v>
      </c>
      <c r="Y71" s="75">
        <v>0.86030282878793141</v>
      </c>
      <c r="Z71" s="283">
        <v>0.22729844502594479</v>
      </c>
      <c r="AA71" s="284">
        <v>1.5514772980084027E-2</v>
      </c>
      <c r="AB71" s="285">
        <v>0.49834035525288384</v>
      </c>
      <c r="AC71" s="284">
        <v>1.8499394263363181E-2</v>
      </c>
      <c r="AD71" s="73">
        <v>2936</v>
      </c>
      <c r="AE71" s="74">
        <v>77.225200855653</v>
      </c>
      <c r="AF71" s="75">
        <v>0.73907354976242645</v>
      </c>
      <c r="AG71" s="283">
        <v>0.1815103420324668</v>
      </c>
      <c r="AH71" s="284">
        <v>1.4230376889161624E-2</v>
      </c>
      <c r="AI71" s="285">
        <v>0.5538085032925042</v>
      </c>
      <c r="AJ71" s="284">
        <v>1.8335962141681462E-2</v>
      </c>
      <c r="AK71" s="73">
        <v>2924</v>
      </c>
      <c r="AL71" s="74">
        <v>68.639300078883423</v>
      </c>
      <c r="AM71" s="75">
        <v>0.87110846587475277</v>
      </c>
      <c r="AN71" s="283">
        <v>0.29547540742666933</v>
      </c>
      <c r="AO71" s="284">
        <v>1.6868338734931473E-2</v>
      </c>
      <c r="AP71" s="285">
        <v>0.35666736147497519</v>
      </c>
      <c r="AQ71" s="284">
        <v>1.7707082657591654E-2</v>
      </c>
      <c r="AR71" s="73">
        <v>2928</v>
      </c>
      <c r="AS71" s="74">
        <v>65.426919273816367</v>
      </c>
      <c r="AT71" s="75">
        <v>0.93269776407900717</v>
      </c>
      <c r="AU71" s="283">
        <v>0.35718814236473162</v>
      </c>
      <c r="AV71" s="284">
        <v>1.7700725045061105E-2</v>
      </c>
      <c r="AW71" s="285">
        <v>0.34926755685933925</v>
      </c>
      <c r="AX71" s="284">
        <v>1.7611143100888602E-2</v>
      </c>
    </row>
    <row r="72" spans="1:50" s="5" customFormat="1">
      <c r="A72" s="44" t="s">
        <v>368</v>
      </c>
      <c r="B72" s="53">
        <v>156</v>
      </c>
      <c r="C72" s="54">
        <v>71.314846686408174</v>
      </c>
      <c r="D72" s="55">
        <v>3.3697051223211534</v>
      </c>
      <c r="E72" s="277">
        <v>0.27834983957158094</v>
      </c>
      <c r="F72" s="286">
        <v>7.1291118059499892E-2</v>
      </c>
      <c r="G72" s="277">
        <v>0.4303589239990066</v>
      </c>
      <c r="H72" s="286">
        <v>7.8324578411263418E-2</v>
      </c>
      <c r="I72" s="53">
        <v>155</v>
      </c>
      <c r="J72" s="54">
        <v>65.954463981863299</v>
      </c>
      <c r="K72" s="55">
        <v>3.6792963622563786</v>
      </c>
      <c r="L72" s="277">
        <v>0.34047897416313339</v>
      </c>
      <c r="M72" s="286">
        <v>7.5371997762336163E-2</v>
      </c>
      <c r="N72" s="277">
        <v>0.3167032874872171</v>
      </c>
      <c r="O72" s="286">
        <v>7.4068046432286053E-2</v>
      </c>
      <c r="P72" s="53">
        <v>155</v>
      </c>
      <c r="Q72" s="54">
        <v>65.808362041126045</v>
      </c>
      <c r="R72" s="55">
        <v>3.8182505616111646</v>
      </c>
      <c r="S72" s="277">
        <v>0.34824646060952241</v>
      </c>
      <c r="T72" s="286">
        <v>7.5754483796771202E-2</v>
      </c>
      <c r="U72" s="277">
        <v>0.31845885002653546</v>
      </c>
      <c r="V72" s="286">
        <v>7.4171342694270934E-2</v>
      </c>
      <c r="W72" s="53">
        <v>156</v>
      </c>
      <c r="X72" s="54">
        <v>71.908607686235086</v>
      </c>
      <c r="Y72" s="55">
        <v>4.0267656918122743</v>
      </c>
      <c r="Z72" s="277">
        <v>0.29256104892312618</v>
      </c>
      <c r="AA72" s="286">
        <v>7.2300368804955814E-2</v>
      </c>
      <c r="AB72" s="277">
        <v>0.48374741095311097</v>
      </c>
      <c r="AC72" s="286">
        <v>7.9017228436296189E-2</v>
      </c>
      <c r="AD72" s="53">
        <v>156</v>
      </c>
      <c r="AE72" s="54">
        <v>74.958544021633145</v>
      </c>
      <c r="AF72" s="55">
        <v>3.2348078410912438</v>
      </c>
      <c r="AG72" s="277">
        <v>0.19388324965927925</v>
      </c>
      <c r="AH72" s="286">
        <v>6.3426993708765381E-2</v>
      </c>
      <c r="AI72" s="277">
        <v>0.52762570528284392</v>
      </c>
      <c r="AJ72" s="286">
        <v>7.8942146917853534E-2</v>
      </c>
      <c r="AK72" s="53">
        <v>156</v>
      </c>
      <c r="AL72" s="54">
        <v>65.398834545712347</v>
      </c>
      <c r="AM72" s="55">
        <v>3.7161662296249269</v>
      </c>
      <c r="AN72" s="277">
        <v>0.31962332513336689</v>
      </c>
      <c r="AO72" s="286">
        <v>7.4005186906954637E-2</v>
      </c>
      <c r="AP72" s="277">
        <v>0.27575841462517436</v>
      </c>
      <c r="AQ72" s="286">
        <v>7.1098259145138953E-2</v>
      </c>
      <c r="AR72" s="53">
        <v>155</v>
      </c>
      <c r="AS72" s="54">
        <v>63.32365647511822</v>
      </c>
      <c r="AT72" s="55">
        <v>4.1926817862080945</v>
      </c>
      <c r="AU72" s="277">
        <v>0.39611747700675809</v>
      </c>
      <c r="AV72" s="286">
        <v>7.7661507764157603E-2</v>
      </c>
      <c r="AW72" s="277">
        <v>0.30688289067987295</v>
      </c>
      <c r="AX72" s="286">
        <v>7.3469048413584176E-2</v>
      </c>
    </row>
    <row r="73" spans="1:50" s="5" customFormat="1">
      <c r="A73" s="48" t="s">
        <v>150</v>
      </c>
      <c r="B73" s="73">
        <v>271</v>
      </c>
      <c r="C73" s="74">
        <v>77.589445689899406</v>
      </c>
      <c r="D73" s="75">
        <v>2.4597645976909441</v>
      </c>
      <c r="E73" s="283">
        <v>0.12906222973628076</v>
      </c>
      <c r="F73" s="284">
        <v>4.1143441901947533E-2</v>
      </c>
      <c r="G73" s="285">
        <v>0.46983994210714664</v>
      </c>
      <c r="H73" s="284">
        <v>6.0195637461339727E-2</v>
      </c>
      <c r="I73" s="73">
        <v>270</v>
      </c>
      <c r="J73" s="74">
        <v>72.056934537828738</v>
      </c>
      <c r="K73" s="75">
        <v>2.5537653876116964</v>
      </c>
      <c r="L73" s="283">
        <v>0.23465415946905857</v>
      </c>
      <c r="M73" s="284">
        <v>5.1493362878233626E-2</v>
      </c>
      <c r="N73" s="285">
        <v>0.38072827658515218</v>
      </c>
      <c r="O73" s="284">
        <v>5.8719495814976694E-2</v>
      </c>
      <c r="P73" s="73">
        <v>270</v>
      </c>
      <c r="Q73" s="74">
        <v>70.188689900508592</v>
      </c>
      <c r="R73" s="75">
        <v>2.694400085515702</v>
      </c>
      <c r="S73" s="283">
        <v>0.28203811168907883</v>
      </c>
      <c r="T73" s="284">
        <v>5.4554542120843298E-2</v>
      </c>
      <c r="U73" s="285">
        <v>0.38626925991033079</v>
      </c>
      <c r="V73" s="284">
        <v>5.8875126677701631E-2</v>
      </c>
      <c r="W73" s="73">
        <v>268</v>
      </c>
      <c r="X73" s="74">
        <v>75.560093304742182</v>
      </c>
      <c r="Y73" s="75">
        <v>2.8381917541965378</v>
      </c>
      <c r="Z73" s="283">
        <v>0.20840417547570966</v>
      </c>
      <c r="AA73" s="284">
        <v>4.962422230640301E-2</v>
      </c>
      <c r="AB73" s="285">
        <v>0.54499589713814922</v>
      </c>
      <c r="AC73" s="284">
        <v>6.0395081528359394E-2</v>
      </c>
      <c r="AD73" s="73">
        <v>271</v>
      </c>
      <c r="AE73" s="74">
        <v>82.314122065519612</v>
      </c>
      <c r="AF73" s="75">
        <v>2.1192051722232903</v>
      </c>
      <c r="AG73" s="283">
        <v>0.10000373490254739</v>
      </c>
      <c r="AH73" s="284">
        <v>3.7099099883058533E-2</v>
      </c>
      <c r="AI73" s="285">
        <v>0.61058979229163246</v>
      </c>
      <c r="AJ73" s="284">
        <v>5.8852431182374119E-2</v>
      </c>
      <c r="AK73" s="73">
        <v>271</v>
      </c>
      <c r="AL73" s="74">
        <v>73.945406668180311</v>
      </c>
      <c r="AM73" s="75">
        <v>2.759715471972461</v>
      </c>
      <c r="AN73" s="283">
        <v>0.22046987231480661</v>
      </c>
      <c r="AO73" s="284">
        <v>5.0325407323366669E-2</v>
      </c>
      <c r="AP73" s="285">
        <v>0.45341889236008476</v>
      </c>
      <c r="AQ73" s="284">
        <v>6.004760084994263E-2</v>
      </c>
      <c r="AR73" s="73">
        <v>269</v>
      </c>
      <c r="AS73" s="74">
        <v>69.65514328772197</v>
      </c>
      <c r="AT73" s="75">
        <v>3.0581965862526266</v>
      </c>
      <c r="AU73" s="283">
        <v>0.29797651779034273</v>
      </c>
      <c r="AV73" s="284">
        <v>5.551935944088375E-2</v>
      </c>
      <c r="AW73" s="285">
        <v>0.40457679687303888</v>
      </c>
      <c r="AX73" s="284">
        <v>5.9442993026576421E-2</v>
      </c>
    </row>
    <row r="74" spans="1:50" s="5" customFormat="1">
      <c r="A74" s="44" t="s">
        <v>352</v>
      </c>
      <c r="B74" s="53">
        <v>122</v>
      </c>
      <c r="C74" s="54">
        <v>78.155182113282549</v>
      </c>
      <c r="D74" s="55">
        <v>3.8741263906058778</v>
      </c>
      <c r="E74" s="277">
        <v>0.11121225059442348</v>
      </c>
      <c r="F74" s="286">
        <v>5.8632281666975296E-2</v>
      </c>
      <c r="G74" s="277">
        <v>0.50873135658166824</v>
      </c>
      <c r="H74" s="286">
        <v>8.9074345085061568E-2</v>
      </c>
      <c r="I74" s="53">
        <v>122</v>
      </c>
      <c r="J74" s="54">
        <v>72.335322462376823</v>
      </c>
      <c r="K74" s="55">
        <v>3.9552843358736047</v>
      </c>
      <c r="L74" s="277">
        <v>0.20028196898237663</v>
      </c>
      <c r="M74" s="286">
        <v>7.2546015707717959E-2</v>
      </c>
      <c r="N74" s="277">
        <v>0.366684809702988</v>
      </c>
      <c r="O74" s="286">
        <v>8.6067081425843669E-2</v>
      </c>
      <c r="P74" s="53">
        <v>121</v>
      </c>
      <c r="Q74" s="54">
        <v>69.464299782735338</v>
      </c>
      <c r="R74" s="55">
        <v>4.1147415298672723</v>
      </c>
      <c r="S74" s="277">
        <v>0.28155051486181948</v>
      </c>
      <c r="T74" s="286">
        <v>8.1050117501645036E-2</v>
      </c>
      <c r="U74" s="277">
        <v>0.40031223220107615</v>
      </c>
      <c r="V74" s="286">
        <v>8.7761163613746654E-2</v>
      </c>
      <c r="W74" s="53">
        <v>120</v>
      </c>
      <c r="X74" s="54">
        <v>80.55827469591506</v>
      </c>
      <c r="Y74" s="55">
        <v>4.1993681224025812</v>
      </c>
      <c r="Z74" s="277">
        <v>0.15286048011496201</v>
      </c>
      <c r="AA74" s="286">
        <v>6.6512993675691315E-2</v>
      </c>
      <c r="AB74" s="277">
        <v>0.62130304032216432</v>
      </c>
      <c r="AC74" s="286">
        <v>8.7292533534780226E-2</v>
      </c>
      <c r="AD74" s="53">
        <v>122</v>
      </c>
      <c r="AE74" s="54">
        <v>81.147239863528952</v>
      </c>
      <c r="AF74" s="55">
        <v>3.0813008870162921</v>
      </c>
      <c r="AG74" s="277">
        <v>0.11017634165981305</v>
      </c>
      <c r="AH74" s="286">
        <v>5.8427210916219614E-2</v>
      </c>
      <c r="AI74" s="277">
        <v>0.53211952222439196</v>
      </c>
      <c r="AJ74" s="286">
        <v>8.8914583414373125E-2</v>
      </c>
      <c r="AK74" s="53">
        <v>122</v>
      </c>
      <c r="AL74" s="54">
        <v>74.230669524155431</v>
      </c>
      <c r="AM74" s="55">
        <v>3.7886917739002706</v>
      </c>
      <c r="AN74" s="277">
        <v>0.21580406015538461</v>
      </c>
      <c r="AO74" s="286">
        <v>7.4381973023736267E-2</v>
      </c>
      <c r="AP74" s="277">
        <v>0.44542695625355605</v>
      </c>
      <c r="AQ74" s="286">
        <v>8.8588199179558694E-2</v>
      </c>
      <c r="AR74" s="53">
        <v>120</v>
      </c>
      <c r="AS74" s="54">
        <v>71.439875616577368</v>
      </c>
      <c r="AT74" s="55">
        <v>4.5372211500769808</v>
      </c>
      <c r="AU74" s="277">
        <v>0.21599865434672305</v>
      </c>
      <c r="AV74" s="286">
        <v>7.5018915431145403E-2</v>
      </c>
      <c r="AW74" s="277">
        <v>0.38536620107504693</v>
      </c>
      <c r="AX74" s="286">
        <v>8.7564394452191191E-2</v>
      </c>
    </row>
    <row r="75" spans="1:50" s="5" customFormat="1">
      <c r="A75" s="48" t="s">
        <v>353</v>
      </c>
      <c r="B75" s="73">
        <v>115</v>
      </c>
      <c r="C75" s="74">
        <v>74.220722836164569</v>
      </c>
      <c r="D75" s="75">
        <v>3.7729137133128297</v>
      </c>
      <c r="E75" s="283">
        <v>0.19468725336454948</v>
      </c>
      <c r="F75" s="284">
        <v>7.4007816720423683E-2</v>
      </c>
      <c r="G75" s="285">
        <v>0.38637113166998532</v>
      </c>
      <c r="H75" s="284">
        <v>8.9431799910857299E-2</v>
      </c>
      <c r="I75" s="73">
        <v>114</v>
      </c>
      <c r="J75" s="74">
        <v>70.352973138220818</v>
      </c>
      <c r="K75" s="75">
        <v>3.8939961497289288</v>
      </c>
      <c r="L75" s="283">
        <v>0.28294837194950778</v>
      </c>
      <c r="M75" s="284">
        <v>8.3570420750130825E-2</v>
      </c>
      <c r="N75" s="285">
        <v>0.34646073101413122</v>
      </c>
      <c r="O75" s="284">
        <v>8.7913066048161417E-2</v>
      </c>
      <c r="P75" s="73">
        <v>115</v>
      </c>
      <c r="Q75" s="74">
        <v>68.83549844549762</v>
      </c>
      <c r="R75" s="75">
        <v>4.2069460465563742</v>
      </c>
      <c r="S75" s="283">
        <v>0.30181487250190542</v>
      </c>
      <c r="T75" s="284">
        <v>8.4678089584710792E-2</v>
      </c>
      <c r="U75" s="285">
        <v>0.36231227251965564</v>
      </c>
      <c r="V75" s="284">
        <v>8.8364248295574835E-2</v>
      </c>
      <c r="W75" s="73">
        <v>114</v>
      </c>
      <c r="X75" s="74">
        <v>67.430837593231061</v>
      </c>
      <c r="Y75" s="75">
        <v>4.6821296958069425</v>
      </c>
      <c r="Z75" s="283">
        <v>0.3042367535630322</v>
      </c>
      <c r="AA75" s="284">
        <v>8.5217747144477995E-2</v>
      </c>
      <c r="AB75" s="285">
        <v>0.42091198684366532</v>
      </c>
      <c r="AC75" s="284">
        <v>9.0976242128440396E-2</v>
      </c>
      <c r="AD75" s="73">
        <v>115</v>
      </c>
      <c r="AE75" s="74">
        <v>81.830174216670912</v>
      </c>
      <c r="AF75" s="75">
        <v>3.4620745475392551</v>
      </c>
      <c r="AG75" s="283">
        <v>0.10665607059932392</v>
      </c>
      <c r="AH75" s="284">
        <v>5.9552123532640576E-2</v>
      </c>
      <c r="AI75" s="285">
        <v>0.61232945592289345</v>
      </c>
      <c r="AJ75" s="284">
        <v>8.9483316026346543E-2</v>
      </c>
      <c r="AK75" s="73">
        <v>115</v>
      </c>
      <c r="AL75" s="74">
        <v>70.67934089891979</v>
      </c>
      <c r="AM75" s="75">
        <v>4.833029221812442</v>
      </c>
      <c r="AN75" s="283">
        <v>0.25349096748689443</v>
      </c>
      <c r="AO75" s="284">
        <v>8.0596472869100266E-2</v>
      </c>
      <c r="AP75" s="285">
        <v>0.41612888135831461</v>
      </c>
      <c r="AQ75" s="284">
        <v>9.0457397194850339E-2</v>
      </c>
      <c r="AR75" s="73">
        <v>115</v>
      </c>
      <c r="AS75" s="74">
        <v>65.913894899582687</v>
      </c>
      <c r="AT75" s="75">
        <v>4.9029563011746369</v>
      </c>
      <c r="AU75" s="283">
        <v>0.37741347171024325</v>
      </c>
      <c r="AV75" s="284">
        <v>8.9059665262939264E-2</v>
      </c>
      <c r="AW75" s="285">
        <v>0.37682878015010346</v>
      </c>
      <c r="AX75" s="284">
        <v>8.9034337342276726E-2</v>
      </c>
    </row>
    <row r="76" spans="1:50" s="5" customFormat="1">
      <c r="A76" s="44" t="s">
        <v>369</v>
      </c>
      <c r="B76" s="70">
        <v>425</v>
      </c>
      <c r="C76" s="71">
        <v>77.377571231738926</v>
      </c>
      <c r="D76" s="72">
        <v>1.8385209701556033</v>
      </c>
      <c r="E76" s="280">
        <v>0.14050671773553569</v>
      </c>
      <c r="F76" s="281">
        <v>3.3887697318554705E-2</v>
      </c>
      <c r="G76" s="282">
        <v>0.51733728616575925</v>
      </c>
      <c r="H76" s="281">
        <v>4.8251960852552511E-2</v>
      </c>
      <c r="I76" s="70">
        <v>425</v>
      </c>
      <c r="J76" s="71">
        <v>66.617660437287668</v>
      </c>
      <c r="K76" s="72">
        <v>2.2759729494766336</v>
      </c>
      <c r="L76" s="280">
        <v>0.31079207432073763</v>
      </c>
      <c r="M76" s="281">
        <v>4.4759376445224423E-2</v>
      </c>
      <c r="N76" s="282">
        <v>0.34044789643690471</v>
      </c>
      <c r="O76" s="281">
        <v>4.5804452441529496E-2</v>
      </c>
      <c r="P76" s="70">
        <v>422</v>
      </c>
      <c r="Q76" s="71">
        <v>68.764772123347896</v>
      </c>
      <c r="R76" s="72">
        <v>2.2349527923249317</v>
      </c>
      <c r="S76" s="280">
        <v>0.27305042075515934</v>
      </c>
      <c r="T76" s="281">
        <v>4.3276227990432438E-2</v>
      </c>
      <c r="U76" s="282">
        <v>0.37653399522707631</v>
      </c>
      <c r="V76" s="281">
        <v>4.697827599450715E-2</v>
      </c>
      <c r="W76" s="70">
        <v>420</v>
      </c>
      <c r="X76" s="71">
        <v>74.28887376885028</v>
      </c>
      <c r="Y76" s="72">
        <v>2.3604463385127263</v>
      </c>
      <c r="Z76" s="280">
        <v>0.20858260352589042</v>
      </c>
      <c r="AA76" s="281">
        <v>3.9653057212508003E-2</v>
      </c>
      <c r="AB76" s="282">
        <v>0.5047671689305111</v>
      </c>
      <c r="AC76" s="281">
        <v>4.8562127186432262E-2</v>
      </c>
      <c r="AD76" s="70">
        <v>425</v>
      </c>
      <c r="AE76" s="71">
        <v>78.375067285156206</v>
      </c>
      <c r="AF76" s="72">
        <v>1.9717911500747127</v>
      </c>
      <c r="AG76" s="280">
        <v>0.17838533646526333</v>
      </c>
      <c r="AH76" s="281">
        <v>3.7208402198356798E-2</v>
      </c>
      <c r="AI76" s="282">
        <v>0.59121810258235785</v>
      </c>
      <c r="AJ76" s="281">
        <v>4.7485362704721944E-2</v>
      </c>
      <c r="AK76" s="70">
        <v>420</v>
      </c>
      <c r="AL76" s="71">
        <v>70.364578774873422</v>
      </c>
      <c r="AM76" s="72">
        <v>2.2753833563141534</v>
      </c>
      <c r="AN76" s="280">
        <v>0.26632962566111729</v>
      </c>
      <c r="AO76" s="281">
        <v>4.3047091379445061E-2</v>
      </c>
      <c r="AP76" s="282">
        <v>0.40218991656067582</v>
      </c>
      <c r="AQ76" s="281">
        <v>4.7643808327798388E-2</v>
      </c>
      <c r="AR76" s="70">
        <v>425</v>
      </c>
      <c r="AS76" s="71">
        <v>69.939597697484217</v>
      </c>
      <c r="AT76" s="72">
        <v>2.280835724640045</v>
      </c>
      <c r="AU76" s="280">
        <v>0.28679090945459462</v>
      </c>
      <c r="AV76" s="281">
        <v>4.3760913844584408E-2</v>
      </c>
      <c r="AW76" s="282">
        <v>0.39358119338086867</v>
      </c>
      <c r="AX76" s="281">
        <v>4.7195002021728619E-2</v>
      </c>
    </row>
    <row r="77" spans="1:50">
      <c r="A77" s="48" t="s">
        <v>354</v>
      </c>
      <c r="B77" s="73">
        <v>71</v>
      </c>
      <c r="C77" s="74">
        <v>72.539048765596874</v>
      </c>
      <c r="D77" s="75">
        <v>4.7886187293883946</v>
      </c>
      <c r="E77" s="283">
        <v>0.20455107972180897</v>
      </c>
      <c r="F77" s="284">
        <v>9.5714181179897606E-2</v>
      </c>
      <c r="G77" s="285">
        <v>0.33618482727890614</v>
      </c>
      <c r="H77" s="284">
        <v>0.10977569887032418</v>
      </c>
      <c r="I77" s="73">
        <v>71</v>
      </c>
      <c r="J77" s="74">
        <v>68.368889510942012</v>
      </c>
      <c r="K77" s="75">
        <v>5.0814209228833596</v>
      </c>
      <c r="L77" s="283">
        <v>0.30056224002531107</v>
      </c>
      <c r="M77" s="284">
        <v>0.10692156686749883</v>
      </c>
      <c r="N77" s="285">
        <v>0.34879546381741661</v>
      </c>
      <c r="O77" s="284">
        <v>0.11063715015881631</v>
      </c>
      <c r="P77" s="73">
        <v>71</v>
      </c>
      <c r="Q77" s="74">
        <v>64.864996593910305</v>
      </c>
      <c r="R77" s="75">
        <v>5.6608264106627049</v>
      </c>
      <c r="S77" s="283">
        <v>0.372254863154732</v>
      </c>
      <c r="T77" s="284">
        <v>0.11204176272980655</v>
      </c>
      <c r="U77" s="285">
        <v>0.29184874427040358</v>
      </c>
      <c r="V77" s="284">
        <v>0.1061247955889351</v>
      </c>
      <c r="W77" s="73">
        <v>71</v>
      </c>
      <c r="X77" s="74">
        <v>69.781183168653058</v>
      </c>
      <c r="Y77" s="75">
        <v>6.6677423241193869</v>
      </c>
      <c r="Z77" s="283">
        <v>0.36859102758298479</v>
      </c>
      <c r="AA77" s="284">
        <v>0.11183905510339874</v>
      </c>
      <c r="AB77" s="285">
        <v>0.45300913065806675</v>
      </c>
      <c r="AC77" s="284">
        <v>0.11501214136192844</v>
      </c>
      <c r="AD77" s="73">
        <v>71</v>
      </c>
      <c r="AE77" s="74">
        <v>82.887570968068616</v>
      </c>
      <c r="AF77" s="75">
        <v>4.7785070747172069</v>
      </c>
      <c r="AG77" s="283">
        <v>0.12878224741402636</v>
      </c>
      <c r="AH77" s="284">
        <v>8.2139508767082592E-2</v>
      </c>
      <c r="AI77" s="285">
        <v>0.74738908224569445</v>
      </c>
      <c r="AJ77" s="284">
        <v>0.10202031248144065</v>
      </c>
      <c r="AK77" s="73">
        <v>70</v>
      </c>
      <c r="AL77" s="74">
        <v>75.717508241845906</v>
      </c>
      <c r="AM77" s="75">
        <v>5.35059137460253</v>
      </c>
      <c r="AN77" s="283">
        <v>0.15672714788150185</v>
      </c>
      <c r="AO77" s="284">
        <v>8.8396680994199284E-2</v>
      </c>
      <c r="AP77" s="285">
        <v>0.57345251577263623</v>
      </c>
      <c r="AQ77" s="284">
        <v>0.11511973472007857</v>
      </c>
      <c r="AR77" s="73">
        <v>71</v>
      </c>
      <c r="AS77" s="74">
        <v>69.569384506331048</v>
      </c>
      <c r="AT77" s="75">
        <v>5.4101730121525984</v>
      </c>
      <c r="AU77" s="283">
        <v>0.30165917688771993</v>
      </c>
      <c r="AV77" s="284">
        <v>0.10701904847575064</v>
      </c>
      <c r="AW77" s="285">
        <v>0.32232794304539153</v>
      </c>
      <c r="AX77" s="284">
        <v>0.10874067834353482</v>
      </c>
    </row>
    <row r="78" spans="1:50">
      <c r="A78" s="44" t="s">
        <v>355</v>
      </c>
      <c r="B78" s="53">
        <v>74</v>
      </c>
      <c r="C78" s="54">
        <v>77.274739590715441</v>
      </c>
      <c r="D78" s="55">
        <v>3.9215453941673886</v>
      </c>
      <c r="E78" s="277">
        <v>0.12124800023192601</v>
      </c>
      <c r="F78" s="286">
        <v>7.8734477153698787E-2</v>
      </c>
      <c r="G78" s="277">
        <v>0.52668806936784196</v>
      </c>
      <c r="H78" s="286">
        <v>0.1130824354245395</v>
      </c>
      <c r="I78" s="53">
        <v>74</v>
      </c>
      <c r="J78" s="54">
        <v>66.704859062499736</v>
      </c>
      <c r="K78" s="55">
        <v>4.9853316970128887</v>
      </c>
      <c r="L78" s="277">
        <v>0.27614253925655702</v>
      </c>
      <c r="M78" s="286">
        <v>0.10250597452438814</v>
      </c>
      <c r="N78" s="277">
        <v>0.26201152156303953</v>
      </c>
      <c r="O78" s="286">
        <v>0.10102591999208831</v>
      </c>
      <c r="P78" s="53">
        <v>72</v>
      </c>
      <c r="Q78" s="54">
        <v>71.836876898586098</v>
      </c>
      <c r="R78" s="55">
        <v>4.5634635282887839</v>
      </c>
      <c r="S78" s="277">
        <v>0.19827968242292979</v>
      </c>
      <c r="T78" s="286">
        <v>9.4115081403131309E-2</v>
      </c>
      <c r="U78" s="277">
        <v>0.360524287372192</v>
      </c>
      <c r="V78" s="286">
        <v>0.11062986462570852</v>
      </c>
      <c r="W78" s="53">
        <v>73</v>
      </c>
      <c r="X78" s="54">
        <v>70.783761908467426</v>
      </c>
      <c r="Y78" s="55">
        <v>6.0123817504626427</v>
      </c>
      <c r="Z78" s="277">
        <v>0.22678067575747338</v>
      </c>
      <c r="AA78" s="286">
        <v>9.7476063793681844E-2</v>
      </c>
      <c r="AB78" s="277">
        <v>0.42252522477861026</v>
      </c>
      <c r="AC78" s="286">
        <v>0.11272425409046295</v>
      </c>
      <c r="AD78" s="53">
        <v>74</v>
      </c>
      <c r="AE78" s="54">
        <v>81.90234639927381</v>
      </c>
      <c r="AF78" s="55">
        <v>3.6513208156131771</v>
      </c>
      <c r="AG78" s="277">
        <v>9.3068083081783562E-2</v>
      </c>
      <c r="AH78" s="286">
        <v>7.1952579234872305E-2</v>
      </c>
      <c r="AI78" s="277">
        <v>0.59575276673399913</v>
      </c>
      <c r="AJ78" s="286">
        <v>0.11134323557135611</v>
      </c>
      <c r="AK78" s="53">
        <v>72</v>
      </c>
      <c r="AL78" s="54">
        <v>67.166599305007338</v>
      </c>
      <c r="AM78" s="55">
        <v>5.2501209659743981</v>
      </c>
      <c r="AN78" s="277">
        <v>0.32570453471565303</v>
      </c>
      <c r="AO78" s="286">
        <v>0.1082722491043006</v>
      </c>
      <c r="AP78" s="277">
        <v>0.2960679341600676</v>
      </c>
      <c r="AQ78" s="286">
        <v>0.10579877224966545</v>
      </c>
      <c r="AR78" s="53">
        <v>74</v>
      </c>
      <c r="AS78" s="54">
        <v>67.014378868553919</v>
      </c>
      <c r="AT78" s="55">
        <v>5.639679387843473</v>
      </c>
      <c r="AU78" s="277">
        <v>0.28953873019656073</v>
      </c>
      <c r="AV78" s="286">
        <v>0.1038076466631471</v>
      </c>
      <c r="AW78" s="277">
        <v>0.3913855159834862</v>
      </c>
      <c r="AX78" s="286">
        <v>0.1107970722700562</v>
      </c>
    </row>
    <row r="79" spans="1:50">
      <c r="A79" s="48" t="s">
        <v>356</v>
      </c>
      <c r="B79" s="73">
        <v>67</v>
      </c>
      <c r="C79" s="74">
        <v>82.17965664234606</v>
      </c>
      <c r="D79" s="75">
        <v>3.8689967925416533</v>
      </c>
      <c r="E79" s="283">
        <v>7.6498580741537842E-2</v>
      </c>
      <c r="F79" s="284">
        <v>7.1319998764325918E-2</v>
      </c>
      <c r="G79" s="285">
        <v>0.65379810952533424</v>
      </c>
      <c r="H79" s="284">
        <v>0.11356856544863357</v>
      </c>
      <c r="I79" s="73">
        <v>67</v>
      </c>
      <c r="J79" s="74">
        <v>72.171110529559982</v>
      </c>
      <c r="K79" s="75">
        <v>4.9565190288383292</v>
      </c>
      <c r="L79" s="283">
        <v>0.22737950575209098</v>
      </c>
      <c r="M79" s="284">
        <v>0.10176373428654159</v>
      </c>
      <c r="N79" s="285">
        <v>0.41984025418641591</v>
      </c>
      <c r="O79" s="284">
        <v>0.11731215853224661</v>
      </c>
      <c r="P79" s="73">
        <v>67</v>
      </c>
      <c r="Q79" s="74">
        <v>72.181512649732952</v>
      </c>
      <c r="R79" s="75">
        <v>4.7989901055252249</v>
      </c>
      <c r="S79" s="283">
        <v>0.21686866982620129</v>
      </c>
      <c r="T79" s="284">
        <v>0.10031350959715833</v>
      </c>
      <c r="U79" s="285">
        <v>0.43904468613460784</v>
      </c>
      <c r="V79" s="284">
        <v>0.11789021156785071</v>
      </c>
      <c r="W79" s="73">
        <v>66</v>
      </c>
      <c r="X79" s="74">
        <v>76.126665142603386</v>
      </c>
      <c r="Y79" s="75">
        <v>5.6501485834735439</v>
      </c>
      <c r="Z79" s="283">
        <v>0.18425504597950751</v>
      </c>
      <c r="AA79" s="284">
        <v>9.6027760817894062E-2</v>
      </c>
      <c r="AB79" s="285">
        <v>0.51474260367691704</v>
      </c>
      <c r="AC79" s="284">
        <v>0.11947666485773624</v>
      </c>
      <c r="AD79" s="73">
        <v>67</v>
      </c>
      <c r="AE79" s="74">
        <v>80.1031743756933</v>
      </c>
      <c r="AF79" s="75">
        <v>4.1939016280329753</v>
      </c>
      <c r="AG79" s="283">
        <v>0.15630941113451943</v>
      </c>
      <c r="AH79" s="284">
        <v>9.0323836122923995E-2</v>
      </c>
      <c r="AI79" s="285">
        <v>0.52713990441116987</v>
      </c>
      <c r="AJ79" s="284">
        <v>0.11852237728237894</v>
      </c>
      <c r="AK79" s="73">
        <v>66</v>
      </c>
      <c r="AL79" s="74">
        <v>71.888463891591115</v>
      </c>
      <c r="AM79" s="75">
        <v>5.9035948629864139</v>
      </c>
      <c r="AN79" s="283">
        <v>0.26234501292171375</v>
      </c>
      <c r="AO79" s="284">
        <v>0.1068484983189423</v>
      </c>
      <c r="AP79" s="285">
        <v>0.38537979014817852</v>
      </c>
      <c r="AQ79" s="284">
        <v>0.11669759957868092</v>
      </c>
      <c r="AR79" s="73">
        <v>67</v>
      </c>
      <c r="AS79" s="74">
        <v>67.644106744481576</v>
      </c>
      <c r="AT79" s="75">
        <v>5.8014745294692434</v>
      </c>
      <c r="AU79" s="283">
        <v>0.35977746140952604</v>
      </c>
      <c r="AV79" s="284">
        <v>0.11444679164273863</v>
      </c>
      <c r="AW79" s="285">
        <v>0.4039837401265528</v>
      </c>
      <c r="AX79" s="284">
        <v>0.1167132976768258</v>
      </c>
    </row>
    <row r="80" spans="1:50">
      <c r="A80" s="56" t="s">
        <v>357</v>
      </c>
      <c r="B80" s="70">
        <v>54</v>
      </c>
      <c r="C80" s="71">
        <v>78.650688787245883</v>
      </c>
      <c r="D80" s="72">
        <v>5.8840484376416091</v>
      </c>
      <c r="E80" s="280">
        <v>9.3890945998643505E-2</v>
      </c>
      <c r="F80" s="281">
        <v>8.5918658692100053E-2</v>
      </c>
      <c r="G80" s="282">
        <v>0.51338804115649994</v>
      </c>
      <c r="H80" s="281">
        <v>0.1312656245035764</v>
      </c>
      <c r="I80" s="70">
        <v>54</v>
      </c>
      <c r="J80" s="71">
        <v>67.695833112918919</v>
      </c>
      <c r="K80" s="72">
        <v>7.3954488319674994</v>
      </c>
      <c r="L80" s="280">
        <v>0.35852460947510201</v>
      </c>
      <c r="M80" s="281">
        <v>0.12666824587535502</v>
      </c>
      <c r="N80" s="282">
        <v>0.45035188973024204</v>
      </c>
      <c r="O80" s="281">
        <v>0.13074411237032763</v>
      </c>
      <c r="P80" s="70">
        <v>53</v>
      </c>
      <c r="Q80" s="71">
        <v>70.105131936965023</v>
      </c>
      <c r="R80" s="72">
        <v>6.4621002850199565</v>
      </c>
      <c r="S80" s="280">
        <v>0.2916677452139293</v>
      </c>
      <c r="T80" s="281">
        <v>0.12210880615675487</v>
      </c>
      <c r="U80" s="282">
        <v>0.41725305967297083</v>
      </c>
      <c r="V80" s="281">
        <v>0.13087565150679725</v>
      </c>
      <c r="W80" s="70">
        <v>52</v>
      </c>
      <c r="X80" s="71">
        <v>73.742941992748854</v>
      </c>
      <c r="Y80" s="72">
        <v>6.715935055939747</v>
      </c>
      <c r="Z80" s="280">
        <v>0.26435273508980256</v>
      </c>
      <c r="AA80" s="281">
        <v>0.12015461969118534</v>
      </c>
      <c r="AB80" s="282">
        <v>0.51352944328284433</v>
      </c>
      <c r="AC80" s="281">
        <v>0.13358843236443196</v>
      </c>
      <c r="AD80" s="70">
        <v>54</v>
      </c>
      <c r="AE80" s="71">
        <v>80.16971194227736</v>
      </c>
      <c r="AF80" s="72">
        <v>6.106356648696571</v>
      </c>
      <c r="AG80" s="280">
        <v>0.15462707145298599</v>
      </c>
      <c r="AH80" s="281">
        <v>0.10055122454583947</v>
      </c>
      <c r="AI80" s="282">
        <v>0.66940725863190886</v>
      </c>
      <c r="AJ80" s="281">
        <v>0.12460230252155174</v>
      </c>
      <c r="AK80" s="70">
        <v>54</v>
      </c>
      <c r="AL80" s="71">
        <v>76.370036084846106</v>
      </c>
      <c r="AM80" s="72">
        <v>5.5919771450642228</v>
      </c>
      <c r="AN80" s="280">
        <v>0.17628244095031398</v>
      </c>
      <c r="AO80" s="281">
        <v>0.10476994029977743</v>
      </c>
      <c r="AP80" s="282">
        <v>0.48522511568194171</v>
      </c>
      <c r="AQ80" s="281">
        <v>0.13125673039648725</v>
      </c>
      <c r="AR80" s="70">
        <v>54</v>
      </c>
      <c r="AS80" s="71">
        <v>73.948239230890024</v>
      </c>
      <c r="AT80" s="72">
        <v>6.3504487618738468</v>
      </c>
      <c r="AU80" s="280">
        <v>0.28246190253224041</v>
      </c>
      <c r="AV80" s="281">
        <v>0.12005153587870393</v>
      </c>
      <c r="AW80" s="282">
        <v>0.4264203513330726</v>
      </c>
      <c r="AX80" s="281">
        <v>0.13006816221640857</v>
      </c>
    </row>
    <row r="81" spans="1:50">
      <c r="A81" s="48" t="s">
        <v>358</v>
      </c>
      <c r="B81" s="73">
        <v>95</v>
      </c>
      <c r="C81" s="74">
        <v>71.859552550229296</v>
      </c>
      <c r="D81" s="75">
        <v>4.4596318946019498</v>
      </c>
      <c r="E81" s="283">
        <v>0.23255979939024723</v>
      </c>
      <c r="F81" s="284">
        <v>8.6255133640470771E-2</v>
      </c>
      <c r="G81" s="285">
        <v>0.37858964034952125</v>
      </c>
      <c r="H81" s="284">
        <v>9.7737353770795649E-2</v>
      </c>
      <c r="I81" s="73">
        <v>93</v>
      </c>
      <c r="J81" s="74">
        <v>63.543527495059138</v>
      </c>
      <c r="K81" s="75">
        <v>5.4057604569963464</v>
      </c>
      <c r="L81" s="283">
        <v>0.36661889623864274</v>
      </c>
      <c r="M81" s="284">
        <v>9.8157560627325086E-2</v>
      </c>
      <c r="N81" s="285">
        <v>0.27683920084167357</v>
      </c>
      <c r="O81" s="284">
        <v>9.176883762223062E-2</v>
      </c>
      <c r="P81" s="73">
        <v>95</v>
      </c>
      <c r="Q81" s="74">
        <v>70.379223990221803</v>
      </c>
      <c r="R81" s="75">
        <v>4.7261217325614435</v>
      </c>
      <c r="S81" s="283">
        <v>0.20979078552162878</v>
      </c>
      <c r="T81" s="284">
        <v>8.3471858269927882E-2</v>
      </c>
      <c r="U81" s="285">
        <v>0.34210477972165171</v>
      </c>
      <c r="V81" s="284">
        <v>9.5778156613159235E-2</v>
      </c>
      <c r="W81" s="73">
        <v>95</v>
      </c>
      <c r="X81" s="74">
        <v>72.83885050106818</v>
      </c>
      <c r="Y81" s="75">
        <v>5.1446269309350132</v>
      </c>
      <c r="Z81" s="283">
        <v>0.22199511425977922</v>
      </c>
      <c r="AA81" s="284">
        <v>8.5003269150842942E-2</v>
      </c>
      <c r="AB81" s="285">
        <v>0.47528414595051705</v>
      </c>
      <c r="AC81" s="284">
        <v>0.10039064965642881</v>
      </c>
      <c r="AD81" s="73">
        <v>94</v>
      </c>
      <c r="AE81" s="74">
        <v>81.025079724142842</v>
      </c>
      <c r="AF81" s="75">
        <v>4.5174793798888784</v>
      </c>
      <c r="AG81" s="283">
        <v>0.13689111734280257</v>
      </c>
      <c r="AH81" s="284">
        <v>7.2476707330407883E-2</v>
      </c>
      <c r="AI81" s="285">
        <v>0.6681610873233188</v>
      </c>
      <c r="AJ81" s="284">
        <v>9.5614694157409308E-2</v>
      </c>
      <c r="AK81" s="73">
        <v>94</v>
      </c>
      <c r="AL81" s="74">
        <v>71.068397723491628</v>
      </c>
      <c r="AM81" s="75">
        <v>5.1597150116121995</v>
      </c>
      <c r="AN81" s="283">
        <v>0.28053157127359218</v>
      </c>
      <c r="AO81" s="284">
        <v>9.1625973327524618E-2</v>
      </c>
      <c r="AP81" s="285">
        <v>0.44724625578571753</v>
      </c>
      <c r="AQ81" s="284">
        <v>0.10049664150080233</v>
      </c>
      <c r="AR81" s="73">
        <v>95</v>
      </c>
      <c r="AS81" s="74">
        <v>69.520480078061212</v>
      </c>
      <c r="AT81" s="75">
        <v>5.1473416431128367</v>
      </c>
      <c r="AU81" s="283">
        <v>0.34971055619749902</v>
      </c>
      <c r="AV81" s="284">
        <v>9.6232339983447115E-2</v>
      </c>
      <c r="AW81" s="285">
        <v>0.37153162209376389</v>
      </c>
      <c r="AX81" s="284">
        <v>9.7401097149014709E-2</v>
      </c>
    </row>
    <row r="82" spans="1:50">
      <c r="A82" s="56" t="s">
        <v>359</v>
      </c>
      <c r="B82" s="70">
        <v>116</v>
      </c>
      <c r="C82" s="71">
        <v>76.492373437575381</v>
      </c>
      <c r="D82" s="72">
        <v>3.540657939343606</v>
      </c>
      <c r="E82" s="280">
        <v>0.18490561925958798</v>
      </c>
      <c r="F82" s="281">
        <v>7.2393411241250885E-2</v>
      </c>
      <c r="G82" s="282">
        <v>0.52943468807022664</v>
      </c>
      <c r="H82" s="281">
        <v>9.1139160358950894E-2</v>
      </c>
      <c r="I82" s="70">
        <v>116</v>
      </c>
      <c r="J82" s="71">
        <v>62.964757715133189</v>
      </c>
      <c r="K82" s="72">
        <v>4.6035420166884338</v>
      </c>
      <c r="L82" s="280">
        <v>0.365601097034503</v>
      </c>
      <c r="M82" s="281">
        <v>8.8151587081674102E-2</v>
      </c>
      <c r="N82" s="282">
        <v>0.31721208869666134</v>
      </c>
      <c r="O82" s="281">
        <v>8.5396893720900327E-2</v>
      </c>
      <c r="P82" s="70">
        <v>116</v>
      </c>
      <c r="Q82" s="71">
        <v>66.30462406390977</v>
      </c>
      <c r="R82" s="72">
        <v>4.7576216951083019</v>
      </c>
      <c r="S82" s="280">
        <v>0.28400040336186066</v>
      </c>
      <c r="T82" s="281">
        <v>8.2946312521808119E-2</v>
      </c>
      <c r="U82" s="282">
        <v>0.37135235387609278</v>
      </c>
      <c r="V82" s="281">
        <v>8.8418463721697815E-2</v>
      </c>
      <c r="W82" s="70">
        <v>115</v>
      </c>
      <c r="X82" s="71">
        <v>77.899655646517928</v>
      </c>
      <c r="Y82" s="72">
        <v>3.9765371377451708</v>
      </c>
      <c r="Z82" s="280">
        <v>0.12817092050371306</v>
      </c>
      <c r="AA82" s="281">
        <v>6.3743578577574914E-2</v>
      </c>
      <c r="AB82" s="282">
        <v>0.57087278126209895</v>
      </c>
      <c r="AC82" s="281">
        <v>9.0805739834954047E-2</v>
      </c>
      <c r="AD82" s="70">
        <v>116</v>
      </c>
      <c r="AE82" s="71">
        <v>72.91518526761962</v>
      </c>
      <c r="AF82" s="72">
        <v>4.2620904638157855</v>
      </c>
      <c r="AG82" s="280">
        <v>0.27075076308222956</v>
      </c>
      <c r="AH82" s="281">
        <v>8.1831141898780033E-2</v>
      </c>
      <c r="AI82" s="282">
        <v>0.50978673129717267</v>
      </c>
      <c r="AJ82" s="281">
        <v>9.127075084764838E-2</v>
      </c>
      <c r="AK82" s="70">
        <v>115</v>
      </c>
      <c r="AL82" s="71">
        <v>67.674531967821167</v>
      </c>
      <c r="AM82" s="72">
        <v>4.4968470104934832</v>
      </c>
      <c r="AN82" s="280">
        <v>0.30023922495932143</v>
      </c>
      <c r="AO82" s="281">
        <v>8.4561785436297415E-2</v>
      </c>
      <c r="AP82" s="282">
        <v>0.37118560623974434</v>
      </c>
      <c r="AQ82" s="281">
        <v>8.8783299533936239E-2</v>
      </c>
      <c r="AR82" s="70">
        <v>116</v>
      </c>
      <c r="AS82" s="71">
        <v>70.351798515483054</v>
      </c>
      <c r="AT82" s="72">
        <v>4.4636105334080511</v>
      </c>
      <c r="AU82" s="280">
        <v>0.24939526498524114</v>
      </c>
      <c r="AV82" s="281">
        <v>7.9857025333673795E-2</v>
      </c>
      <c r="AW82" s="282">
        <v>0.41389440676636552</v>
      </c>
      <c r="AX82" s="281">
        <v>9.0013307730224881E-2</v>
      </c>
    </row>
    <row r="83" spans="1:50">
      <c r="A83" s="48" t="s">
        <v>371</v>
      </c>
      <c r="B83" s="73">
        <v>179</v>
      </c>
      <c r="C83" s="74">
        <v>76.728589997273218</v>
      </c>
      <c r="D83" s="75">
        <v>2.7655018184829134</v>
      </c>
      <c r="E83" s="283">
        <v>0.13570261490853558</v>
      </c>
      <c r="F83" s="284">
        <v>5.1856391089791981E-2</v>
      </c>
      <c r="G83" s="285">
        <v>0.49586849357317986</v>
      </c>
      <c r="H83" s="284">
        <v>7.391971256720517E-2</v>
      </c>
      <c r="I83" s="73">
        <v>179</v>
      </c>
      <c r="J83" s="74">
        <v>67.781454680330313</v>
      </c>
      <c r="K83" s="75">
        <v>3.3517638195257158</v>
      </c>
      <c r="L83" s="283">
        <v>0.26761358493126741</v>
      </c>
      <c r="M83" s="284">
        <v>6.5841598176496152E-2</v>
      </c>
      <c r="N83" s="285">
        <v>0.3457565918969891</v>
      </c>
      <c r="O83" s="284">
        <v>7.0476543309488091E-2</v>
      </c>
      <c r="P83" s="73">
        <v>179</v>
      </c>
      <c r="Q83" s="74">
        <v>70.951653211324768</v>
      </c>
      <c r="R83" s="75">
        <v>3.1670624959337133</v>
      </c>
      <c r="S83" s="283">
        <v>0.26677205940177079</v>
      </c>
      <c r="T83" s="284">
        <v>6.5779342142214717E-2</v>
      </c>
      <c r="U83" s="285">
        <v>0.43080240196054193</v>
      </c>
      <c r="V83" s="284">
        <v>7.3241680874546605E-2</v>
      </c>
      <c r="W83" s="73">
        <v>175</v>
      </c>
      <c r="X83" s="74">
        <v>74.301126229521145</v>
      </c>
      <c r="Y83" s="75">
        <v>3.4991220673618759</v>
      </c>
      <c r="Z83" s="283">
        <v>0.19511719778220019</v>
      </c>
      <c r="AA83" s="284">
        <v>6.0010130806365268E-2</v>
      </c>
      <c r="AB83" s="285">
        <v>0.52426172618157163</v>
      </c>
      <c r="AC83" s="284">
        <v>7.465935785345916E-2</v>
      </c>
      <c r="AD83" s="73">
        <v>180</v>
      </c>
      <c r="AE83" s="74">
        <v>81.717208716660167</v>
      </c>
      <c r="AF83" s="75">
        <v>2.5319093607600198</v>
      </c>
      <c r="AG83" s="283">
        <v>0.10855897014916342</v>
      </c>
      <c r="AH83" s="284">
        <v>4.7402877948741366E-2</v>
      </c>
      <c r="AI83" s="285">
        <v>0.63689105862005502</v>
      </c>
      <c r="AJ83" s="284">
        <v>7.1027662753158527E-2</v>
      </c>
      <c r="AK83" s="73">
        <v>179</v>
      </c>
      <c r="AL83" s="74">
        <v>75.184557227428229</v>
      </c>
      <c r="AM83" s="75">
        <v>3.0296202530171312</v>
      </c>
      <c r="AN83" s="283">
        <v>0.21226339134215133</v>
      </c>
      <c r="AO83" s="284">
        <v>6.1098760220569592E-2</v>
      </c>
      <c r="AP83" s="285">
        <v>0.48851896884670298</v>
      </c>
      <c r="AQ83" s="284">
        <v>7.3903479411275189E-2</v>
      </c>
      <c r="AR83" s="73">
        <v>179</v>
      </c>
      <c r="AS83" s="74">
        <v>68.034167033154844</v>
      </c>
      <c r="AT83" s="75">
        <v>3.8233496750053528</v>
      </c>
      <c r="AU83" s="283">
        <v>0.34802694538263856</v>
      </c>
      <c r="AV83" s="284">
        <v>7.0579615794320469E-2</v>
      </c>
      <c r="AW83" s="285">
        <v>0.43103218432760426</v>
      </c>
      <c r="AX83" s="284">
        <v>7.3246213262630144E-2</v>
      </c>
    </row>
    <row r="84" spans="1:50">
      <c r="A84" s="56" t="s">
        <v>360</v>
      </c>
      <c r="B84" s="70">
        <v>101</v>
      </c>
      <c r="C84" s="71">
        <v>78.141868263911746</v>
      </c>
      <c r="D84" s="72">
        <v>3.0252000400025074</v>
      </c>
      <c r="E84" s="280">
        <v>8.7435868489694327E-2</v>
      </c>
      <c r="F84" s="281">
        <v>5.9365578924559938E-2</v>
      </c>
      <c r="G84" s="282">
        <v>0.4758190085138837</v>
      </c>
      <c r="H84" s="281">
        <v>9.7484354045998506E-2</v>
      </c>
      <c r="I84" s="70">
        <v>101</v>
      </c>
      <c r="J84" s="71">
        <v>67.092939796581746</v>
      </c>
      <c r="K84" s="72">
        <v>4.1488884389549732</v>
      </c>
      <c r="L84" s="280">
        <v>0.27284859971983161</v>
      </c>
      <c r="M84" s="281">
        <v>8.7778643253870206E-2</v>
      </c>
      <c r="N84" s="282">
        <v>0.30080886293980141</v>
      </c>
      <c r="O84" s="281">
        <v>9.0140277443019154E-2</v>
      </c>
      <c r="P84" s="70">
        <v>101</v>
      </c>
      <c r="Q84" s="71">
        <v>70.958179377091781</v>
      </c>
      <c r="R84" s="72">
        <v>3.8494039741472657</v>
      </c>
      <c r="S84" s="280">
        <v>0.25815343790258166</v>
      </c>
      <c r="T84" s="281">
        <v>8.6383799173311446E-2</v>
      </c>
      <c r="U84" s="282">
        <v>0.39201172870512535</v>
      </c>
      <c r="V84" s="281">
        <v>9.5460807673892464E-2</v>
      </c>
      <c r="W84" s="70">
        <v>98</v>
      </c>
      <c r="X84" s="71">
        <v>79.062873989194571</v>
      </c>
      <c r="Y84" s="72">
        <v>3.5186243797503018</v>
      </c>
      <c r="Z84" s="280">
        <v>0.13681080884564373</v>
      </c>
      <c r="AA84" s="281">
        <v>7.0914573199549885E-2</v>
      </c>
      <c r="AB84" s="282">
        <v>0.54128170646894203</v>
      </c>
      <c r="AC84" s="281">
        <v>9.8702734734831238E-2</v>
      </c>
      <c r="AD84" s="70">
        <v>102</v>
      </c>
      <c r="AE84" s="71">
        <v>83.25975016505555</v>
      </c>
      <c r="AF84" s="72">
        <v>2.9259166711035149</v>
      </c>
      <c r="AG84" s="280">
        <v>7.8227599299328196E-2</v>
      </c>
      <c r="AH84" s="281">
        <v>5.6728593509891824E-2</v>
      </c>
      <c r="AI84" s="282">
        <v>0.66146149704085444</v>
      </c>
      <c r="AJ84" s="281">
        <v>9.2320319093571843E-2</v>
      </c>
      <c r="AK84" s="70">
        <v>102</v>
      </c>
      <c r="AL84" s="71">
        <v>76.86057834663265</v>
      </c>
      <c r="AM84" s="72">
        <v>3.6910404578232323</v>
      </c>
      <c r="AN84" s="280">
        <v>0.16257595154473634</v>
      </c>
      <c r="AO84" s="281">
        <v>7.3862624139867508E-2</v>
      </c>
      <c r="AP84" s="282">
        <v>0.48243032564415761</v>
      </c>
      <c r="AQ84" s="281">
        <v>9.7073044775901215E-2</v>
      </c>
      <c r="AR84" s="70">
        <v>101</v>
      </c>
      <c r="AS84" s="71">
        <v>69.856981473968858</v>
      </c>
      <c r="AT84" s="72">
        <v>4.6839131138224017</v>
      </c>
      <c r="AU84" s="280">
        <v>0.32143791512289871</v>
      </c>
      <c r="AV84" s="281">
        <v>9.1651222666139648E-2</v>
      </c>
      <c r="AW84" s="282">
        <v>0.40749609677623999</v>
      </c>
      <c r="AX84" s="281">
        <v>9.6032250413579281E-2</v>
      </c>
    </row>
    <row r="85" spans="1:50">
      <c r="A85" s="48" t="s">
        <v>370</v>
      </c>
      <c r="B85" s="73">
        <v>290</v>
      </c>
      <c r="C85" s="74">
        <v>76.007984422130178</v>
      </c>
      <c r="D85" s="75">
        <v>2.2899087949633086</v>
      </c>
      <c r="E85" s="283">
        <v>0.168150137482384</v>
      </c>
      <c r="F85" s="284">
        <v>4.4085856909365485E-2</v>
      </c>
      <c r="G85" s="285">
        <v>0.48774783649309872</v>
      </c>
      <c r="H85" s="284">
        <v>5.8304145250889734E-2</v>
      </c>
      <c r="I85" s="73">
        <v>288</v>
      </c>
      <c r="J85" s="74">
        <v>68.960878544734356</v>
      </c>
      <c r="K85" s="75">
        <v>2.7945752359691216</v>
      </c>
      <c r="L85" s="283">
        <v>0.28504270571675144</v>
      </c>
      <c r="M85" s="284">
        <v>5.2999176284940643E-2</v>
      </c>
      <c r="N85" s="285">
        <v>0.38785080406397099</v>
      </c>
      <c r="O85" s="284">
        <v>5.7070586565629543E-2</v>
      </c>
      <c r="P85" s="73">
        <v>290</v>
      </c>
      <c r="Q85" s="74">
        <v>67.451553886438177</v>
      </c>
      <c r="R85" s="75">
        <v>2.7705641229223854</v>
      </c>
      <c r="S85" s="283">
        <v>0.29865969371836487</v>
      </c>
      <c r="T85" s="284">
        <v>5.3523171890168024E-2</v>
      </c>
      <c r="U85" s="285">
        <v>0.36199572905925842</v>
      </c>
      <c r="V85" s="284">
        <v>5.6118137287059541E-2</v>
      </c>
      <c r="W85" s="73">
        <v>289</v>
      </c>
      <c r="X85" s="74">
        <v>75.298411820590701</v>
      </c>
      <c r="Y85" s="75">
        <v>2.8394016368486601</v>
      </c>
      <c r="Z85" s="283">
        <v>0.20838573304501526</v>
      </c>
      <c r="AA85" s="284">
        <v>4.7786092053913674E-2</v>
      </c>
      <c r="AB85" s="285">
        <v>0.50799581038203667</v>
      </c>
      <c r="AC85" s="284">
        <v>5.8413355889132462E-2</v>
      </c>
      <c r="AD85" s="73">
        <v>288</v>
      </c>
      <c r="AE85" s="74">
        <v>82.213090639429836</v>
      </c>
      <c r="AF85" s="75">
        <v>2.3109381193236156</v>
      </c>
      <c r="AG85" s="283">
        <v>0.11175029201305789</v>
      </c>
      <c r="AH85" s="284">
        <v>3.7628989414939244E-2</v>
      </c>
      <c r="AI85" s="285">
        <v>0.63705682141805786</v>
      </c>
      <c r="AJ85" s="284">
        <v>5.6341248490574432E-2</v>
      </c>
      <c r="AK85" s="73">
        <v>289</v>
      </c>
      <c r="AL85" s="74">
        <v>70.138006502521421</v>
      </c>
      <c r="AM85" s="75">
        <v>2.7238155406007016</v>
      </c>
      <c r="AN85" s="283">
        <v>0.30337259303229586</v>
      </c>
      <c r="AO85" s="284">
        <v>5.3846715084877664E-2</v>
      </c>
      <c r="AP85" s="285">
        <v>0.39722504675265258</v>
      </c>
      <c r="AQ85" s="284">
        <v>5.7207334012338053E-2</v>
      </c>
      <c r="AR85" s="73">
        <v>290</v>
      </c>
      <c r="AS85" s="74">
        <v>67.664466439842883</v>
      </c>
      <c r="AT85" s="75">
        <v>2.9764135719300704</v>
      </c>
      <c r="AU85" s="283">
        <v>0.33676458991206376</v>
      </c>
      <c r="AV85" s="284">
        <v>5.5214402673359787E-2</v>
      </c>
      <c r="AW85" s="285">
        <v>0.36898037577621778</v>
      </c>
      <c r="AX85" s="284">
        <v>5.6339325010021729E-2</v>
      </c>
    </row>
    <row r="86" spans="1:50" s="5" customFormat="1">
      <c r="A86" s="56" t="s">
        <v>361</v>
      </c>
      <c r="B86" s="70">
        <v>126</v>
      </c>
      <c r="C86" s="71">
        <v>77.823748567039758</v>
      </c>
      <c r="D86" s="72">
        <v>3.5496076305507627</v>
      </c>
      <c r="E86" s="280">
        <v>0.18610646340310097</v>
      </c>
      <c r="F86" s="281">
        <v>6.9601259514529848E-2</v>
      </c>
      <c r="G86" s="282">
        <v>0.57025460052395827</v>
      </c>
      <c r="H86" s="281">
        <v>8.6888673985599518E-2</v>
      </c>
      <c r="I86" s="70">
        <v>126</v>
      </c>
      <c r="J86" s="71">
        <v>71.597136033196406</v>
      </c>
      <c r="K86" s="72">
        <v>4.0484058206766882</v>
      </c>
      <c r="L86" s="280">
        <v>0.2640982221391453</v>
      </c>
      <c r="M86" s="281">
        <v>7.7998473144076277E-2</v>
      </c>
      <c r="N86" s="282">
        <v>0.43041144213505922</v>
      </c>
      <c r="O86" s="281">
        <v>8.6904165091280905E-2</v>
      </c>
      <c r="P86" s="70">
        <v>126</v>
      </c>
      <c r="Q86" s="71">
        <v>68.92822695178296</v>
      </c>
      <c r="R86" s="72">
        <v>4.146901986892007</v>
      </c>
      <c r="S86" s="280">
        <v>0.3250838527959552</v>
      </c>
      <c r="T86" s="281">
        <v>8.2510266941650229E-2</v>
      </c>
      <c r="U86" s="282">
        <v>0.4000895399728846</v>
      </c>
      <c r="V86" s="281">
        <v>8.604519966883252E-2</v>
      </c>
      <c r="W86" s="70">
        <v>125</v>
      </c>
      <c r="X86" s="71">
        <v>79.825372860045732</v>
      </c>
      <c r="Y86" s="72">
        <v>4.2423643283555021</v>
      </c>
      <c r="Z86" s="280">
        <v>0.13194511868573297</v>
      </c>
      <c r="AA86" s="281">
        <v>6.1708554982275218E-2</v>
      </c>
      <c r="AB86" s="282">
        <v>0.5436083320284556</v>
      </c>
      <c r="AC86" s="281">
        <v>8.7730103907866883E-2</v>
      </c>
      <c r="AD86" s="70">
        <v>126</v>
      </c>
      <c r="AE86" s="71">
        <v>86.091124183806173</v>
      </c>
      <c r="AF86" s="72">
        <v>3.3440644331910421</v>
      </c>
      <c r="AG86" s="280">
        <v>7.8083919854906439E-2</v>
      </c>
      <c r="AH86" s="281">
        <v>5.0466423042507869E-2</v>
      </c>
      <c r="AI86" s="282">
        <v>0.71775824831434776</v>
      </c>
      <c r="AJ86" s="281">
        <v>7.9508978293053423E-2</v>
      </c>
      <c r="AK86" s="70">
        <v>126</v>
      </c>
      <c r="AL86" s="71">
        <v>70.95338639354344</v>
      </c>
      <c r="AM86" s="72">
        <v>4.1870701386147102</v>
      </c>
      <c r="AN86" s="280">
        <v>0.32203348676498095</v>
      </c>
      <c r="AO86" s="281">
        <v>8.2321505897976238E-2</v>
      </c>
      <c r="AP86" s="282">
        <v>0.39420463425849855</v>
      </c>
      <c r="AQ86" s="281">
        <v>8.5841629317778972E-2</v>
      </c>
      <c r="AR86" s="70">
        <v>126</v>
      </c>
      <c r="AS86" s="71">
        <v>66.879830049193458</v>
      </c>
      <c r="AT86" s="72">
        <v>4.7347695306785509</v>
      </c>
      <c r="AU86" s="280">
        <v>0.35406848022303228</v>
      </c>
      <c r="AV86" s="281">
        <v>8.4123417252344165E-2</v>
      </c>
      <c r="AW86" s="282">
        <v>0.34917605110592326</v>
      </c>
      <c r="AX86" s="281">
        <v>8.3873617109387205E-2</v>
      </c>
    </row>
    <row r="87" spans="1:50" s="5" customFormat="1">
      <c r="A87" s="48" t="s">
        <v>375</v>
      </c>
      <c r="B87" s="73">
        <v>112</v>
      </c>
      <c r="C87" s="74">
        <v>76.02067734301437</v>
      </c>
      <c r="D87" s="75">
        <v>3.2050770535072819</v>
      </c>
      <c r="E87" s="283">
        <v>0.11724849160497353</v>
      </c>
      <c r="F87" s="284">
        <v>6.2541144186362779E-2</v>
      </c>
      <c r="G87" s="285">
        <v>0.44905867172427238</v>
      </c>
      <c r="H87" s="284">
        <v>9.2397354466745782E-2</v>
      </c>
      <c r="I87" s="73">
        <v>112</v>
      </c>
      <c r="J87" s="74">
        <v>68.138343703762786</v>
      </c>
      <c r="K87" s="75">
        <v>4.382093573605867</v>
      </c>
      <c r="L87" s="283">
        <v>0.26405969202536783</v>
      </c>
      <c r="M87" s="284">
        <v>8.2651144570186491E-2</v>
      </c>
      <c r="N87" s="285">
        <v>0.36671221756920164</v>
      </c>
      <c r="O87" s="284">
        <v>8.97195743654019E-2</v>
      </c>
      <c r="P87" s="73">
        <v>112</v>
      </c>
      <c r="Q87" s="74">
        <v>64.656685033841313</v>
      </c>
      <c r="R87" s="75">
        <v>4.5743496497828477</v>
      </c>
      <c r="S87" s="283">
        <v>0.31755716501323639</v>
      </c>
      <c r="T87" s="284">
        <v>8.689481902331414E-2</v>
      </c>
      <c r="U87" s="285">
        <v>0.32948023884908934</v>
      </c>
      <c r="V87" s="284">
        <v>8.7669785291007066E-2</v>
      </c>
      <c r="W87" s="73">
        <v>112</v>
      </c>
      <c r="X87" s="74">
        <v>71.404884837568403</v>
      </c>
      <c r="Y87" s="75">
        <v>4.4471011916763263</v>
      </c>
      <c r="Z87" s="283">
        <v>0.27314719520297936</v>
      </c>
      <c r="AA87" s="284">
        <v>8.3464989601184064E-2</v>
      </c>
      <c r="AB87" s="285">
        <v>0.47998968324003194</v>
      </c>
      <c r="AC87" s="284">
        <v>9.2778327913506237E-2</v>
      </c>
      <c r="AD87" s="73">
        <v>111</v>
      </c>
      <c r="AE87" s="74">
        <v>78.413057687388232</v>
      </c>
      <c r="AF87" s="75">
        <v>3.4115058217125265</v>
      </c>
      <c r="AG87" s="283">
        <v>0.13954625708284177</v>
      </c>
      <c r="AH87" s="284">
        <v>6.6972882992596752E-2</v>
      </c>
      <c r="AI87" s="285">
        <v>0.54472422532482656</v>
      </c>
      <c r="AJ87" s="284">
        <v>9.2902280959640565E-2</v>
      </c>
      <c r="AK87" s="73">
        <v>112</v>
      </c>
      <c r="AL87" s="74">
        <v>67.884785169818684</v>
      </c>
      <c r="AM87" s="75">
        <v>4.2422860505492421</v>
      </c>
      <c r="AN87" s="283">
        <v>0.30713281934423803</v>
      </c>
      <c r="AO87" s="284">
        <v>8.6168116007453041E-2</v>
      </c>
      <c r="AP87" s="285">
        <v>0.36892580499784361</v>
      </c>
      <c r="AQ87" s="284">
        <v>8.9824346799743576E-2</v>
      </c>
      <c r="AR87" s="73">
        <v>112</v>
      </c>
      <c r="AS87" s="74">
        <v>68.118630333889371</v>
      </c>
      <c r="AT87" s="75">
        <v>4.409874560278034</v>
      </c>
      <c r="AU87" s="283">
        <v>0.30156894244166388</v>
      </c>
      <c r="AV87" s="284">
        <v>8.5761056501173397E-2</v>
      </c>
      <c r="AW87" s="285">
        <v>0.38170690576614136</v>
      </c>
      <c r="AX87" s="284">
        <v>9.0392850872001038E-2</v>
      </c>
    </row>
    <row r="88" spans="1:50" s="5" customFormat="1">
      <c r="A88" s="56" t="s">
        <v>358</v>
      </c>
      <c r="B88" s="70">
        <v>95</v>
      </c>
      <c r="C88" s="71">
        <v>71.859552550229296</v>
      </c>
      <c r="D88" s="72">
        <v>4.4596318946019498</v>
      </c>
      <c r="E88" s="280">
        <v>0.23255979939024723</v>
      </c>
      <c r="F88" s="281">
        <v>8.6255133640470771E-2</v>
      </c>
      <c r="G88" s="282">
        <v>0.37858964034952125</v>
      </c>
      <c r="H88" s="281">
        <v>9.7737353770795649E-2</v>
      </c>
      <c r="I88" s="70">
        <v>93</v>
      </c>
      <c r="J88" s="71">
        <v>63.543527495059138</v>
      </c>
      <c r="K88" s="72">
        <v>5.4057604569963464</v>
      </c>
      <c r="L88" s="280">
        <v>0.36661889623864274</v>
      </c>
      <c r="M88" s="281">
        <v>9.8157560627325086E-2</v>
      </c>
      <c r="N88" s="282">
        <v>0.27683920084167357</v>
      </c>
      <c r="O88" s="281">
        <v>9.176883762223062E-2</v>
      </c>
      <c r="P88" s="70">
        <v>95</v>
      </c>
      <c r="Q88" s="71">
        <v>70.379223990221803</v>
      </c>
      <c r="R88" s="72">
        <v>4.7261217325614435</v>
      </c>
      <c r="S88" s="280">
        <v>0.20979078552162878</v>
      </c>
      <c r="T88" s="281">
        <v>8.3471858269927882E-2</v>
      </c>
      <c r="U88" s="282">
        <v>0.34210477972165171</v>
      </c>
      <c r="V88" s="281">
        <v>9.5778156613159235E-2</v>
      </c>
      <c r="W88" s="70">
        <v>95</v>
      </c>
      <c r="X88" s="71">
        <v>72.83885050106818</v>
      </c>
      <c r="Y88" s="72">
        <v>5.1446269309350132</v>
      </c>
      <c r="Z88" s="280">
        <v>0.22199511425977922</v>
      </c>
      <c r="AA88" s="281">
        <v>8.5003269150842942E-2</v>
      </c>
      <c r="AB88" s="282">
        <v>0.47528414595051705</v>
      </c>
      <c r="AC88" s="281">
        <v>0.10039064965642881</v>
      </c>
      <c r="AD88" s="70">
        <v>94</v>
      </c>
      <c r="AE88" s="71">
        <v>81.025079724142842</v>
      </c>
      <c r="AF88" s="72">
        <v>4.5174793798888784</v>
      </c>
      <c r="AG88" s="280">
        <v>0.13689111734280257</v>
      </c>
      <c r="AH88" s="281">
        <v>7.2476707330407883E-2</v>
      </c>
      <c r="AI88" s="282">
        <v>0.6681610873233188</v>
      </c>
      <c r="AJ88" s="281">
        <v>9.5614694157409308E-2</v>
      </c>
      <c r="AK88" s="70">
        <v>94</v>
      </c>
      <c r="AL88" s="71">
        <v>71.068397723491628</v>
      </c>
      <c r="AM88" s="72">
        <v>5.1597150116121995</v>
      </c>
      <c r="AN88" s="280">
        <v>0.28053157127359218</v>
      </c>
      <c r="AO88" s="281">
        <v>9.1625973327524618E-2</v>
      </c>
      <c r="AP88" s="282">
        <v>0.44724625578571753</v>
      </c>
      <c r="AQ88" s="281">
        <v>0.10049664150080233</v>
      </c>
      <c r="AR88" s="70">
        <v>95</v>
      </c>
      <c r="AS88" s="71">
        <v>69.520480078061212</v>
      </c>
      <c r="AT88" s="72">
        <v>5.1473416431128367</v>
      </c>
      <c r="AU88" s="280">
        <v>0.34971055619749902</v>
      </c>
      <c r="AV88" s="281">
        <v>9.6232339983447115E-2</v>
      </c>
      <c r="AW88" s="282">
        <v>0.37153162209376389</v>
      </c>
      <c r="AX88" s="281">
        <v>9.7401097149014709E-2</v>
      </c>
    </row>
    <row r="90" spans="1:50" ht="18.75">
      <c r="A90" s="340" t="s">
        <v>243</v>
      </c>
      <c r="B90" s="340"/>
      <c r="C90" s="340"/>
      <c r="D90" s="340"/>
      <c r="E90" s="340"/>
      <c r="F90" s="340"/>
      <c r="G90" s="340"/>
      <c r="H90" s="340"/>
    </row>
    <row r="91" spans="1:50" ht="72.75" customHeight="1">
      <c r="A91" s="339" t="s">
        <v>545</v>
      </c>
      <c r="B91" s="339"/>
      <c r="C91" s="339"/>
      <c r="D91" s="339"/>
      <c r="E91" s="339"/>
      <c r="F91" s="339"/>
      <c r="G91" s="339"/>
      <c r="H91" s="339"/>
    </row>
    <row r="92" spans="1:50" ht="33" customHeight="1">
      <c r="A92" s="331" t="s">
        <v>244</v>
      </c>
      <c r="B92" s="332"/>
      <c r="C92" s="332"/>
      <c r="D92" s="332"/>
      <c r="E92" s="332"/>
      <c r="F92" s="332"/>
      <c r="G92" s="332"/>
      <c r="H92" s="333"/>
    </row>
    <row r="93" spans="1:50" ht="42" customHeight="1">
      <c r="A93" s="36" t="s">
        <v>70</v>
      </c>
      <c r="B93" s="37" t="s">
        <v>71</v>
      </c>
      <c r="C93" s="38" t="s">
        <v>593</v>
      </c>
      <c r="D93" s="39" t="s">
        <v>72</v>
      </c>
      <c r="E93" s="38" t="s">
        <v>330</v>
      </c>
      <c r="F93" s="39" t="s">
        <v>334</v>
      </c>
      <c r="G93" s="38" t="s">
        <v>332</v>
      </c>
      <c r="H93" s="39" t="s">
        <v>335</v>
      </c>
    </row>
    <row r="94" spans="1:50" ht="72" customHeight="1">
      <c r="A94" s="40"/>
      <c r="B94" s="41" t="s">
        <v>73</v>
      </c>
      <c r="C94" s="42" t="s">
        <v>247</v>
      </c>
      <c r="D94" s="43" t="s">
        <v>75</v>
      </c>
      <c r="E94" s="42" t="s">
        <v>331</v>
      </c>
      <c r="F94" s="90" t="s">
        <v>87</v>
      </c>
      <c r="G94" s="42" t="s">
        <v>333</v>
      </c>
      <c r="H94" s="90" t="s">
        <v>87</v>
      </c>
    </row>
    <row r="95" spans="1:50">
      <c r="A95" s="44" t="s">
        <v>349</v>
      </c>
      <c r="B95" s="76">
        <v>13562</v>
      </c>
      <c r="C95" s="77">
        <v>67.003714115916821</v>
      </c>
      <c r="D95" s="78">
        <v>0.41771560076770042</v>
      </c>
      <c r="E95" s="287">
        <v>0.31223242392109507</v>
      </c>
      <c r="F95" s="288">
        <v>7.9576522818712876E-3</v>
      </c>
      <c r="G95" s="287">
        <v>0.30655428162142018</v>
      </c>
      <c r="H95" s="288">
        <v>7.9174723496586458E-3</v>
      </c>
    </row>
    <row r="96" spans="1:50">
      <c r="A96" s="48" t="s">
        <v>350</v>
      </c>
      <c r="B96" s="79">
        <v>10049</v>
      </c>
      <c r="C96" s="80">
        <v>69.354440070821909</v>
      </c>
      <c r="D96" s="81">
        <v>0.47362839336437085</v>
      </c>
      <c r="E96" s="289">
        <v>0.27180113126224165</v>
      </c>
      <c r="F96" s="290">
        <v>8.8752017717384363E-3</v>
      </c>
      <c r="G96" s="289">
        <v>0.34684332757075992</v>
      </c>
      <c r="H96" s="290">
        <v>9.4945721376079508E-3</v>
      </c>
    </row>
    <row r="97" spans="1:8" s="5" customFormat="1">
      <c r="A97" s="44" t="s">
        <v>351</v>
      </c>
      <c r="B97" s="76">
        <v>3513</v>
      </c>
      <c r="C97" s="77">
        <v>65.00864740674038</v>
      </c>
      <c r="D97" s="78">
        <v>0.85205123852653242</v>
      </c>
      <c r="E97" s="287">
        <v>0.34654655816728325</v>
      </c>
      <c r="F97" s="288">
        <v>1.605030386499131E-2</v>
      </c>
      <c r="G97" s="287">
        <v>0.27236087249591096</v>
      </c>
      <c r="H97" s="288">
        <v>1.5017693396233021E-2</v>
      </c>
    </row>
    <row r="98" spans="1:8" s="5" customFormat="1">
      <c r="A98" s="48" t="s">
        <v>558</v>
      </c>
      <c r="B98" s="79">
        <v>322</v>
      </c>
      <c r="C98" s="80">
        <v>64.451918986944264</v>
      </c>
      <c r="D98" s="81">
        <v>2.8472701020372386</v>
      </c>
      <c r="E98" s="289">
        <v>0.32833775055177183</v>
      </c>
      <c r="F98" s="290">
        <v>5.2103103897197425E-2</v>
      </c>
      <c r="G98" s="289">
        <v>0.26245564935569493</v>
      </c>
      <c r="H98" s="290">
        <v>4.8908190657139659E-2</v>
      </c>
    </row>
    <row r="99" spans="1:8" s="5" customFormat="1">
      <c r="A99" s="44" t="s">
        <v>559</v>
      </c>
      <c r="B99" s="76">
        <v>3529</v>
      </c>
      <c r="C99" s="77">
        <v>68.079339872950797</v>
      </c>
      <c r="D99" s="78">
        <v>0.78473503419986101</v>
      </c>
      <c r="E99" s="287">
        <v>0.29897920872670075</v>
      </c>
      <c r="F99" s="288">
        <v>1.5407736640052138E-2</v>
      </c>
      <c r="G99" s="287">
        <v>0.31820275202086523</v>
      </c>
      <c r="H99" s="288">
        <v>1.5675182837227141E-2</v>
      </c>
    </row>
    <row r="100" spans="1:8" s="5" customFormat="1">
      <c r="A100" s="48" t="s">
        <v>560</v>
      </c>
      <c r="B100" s="79">
        <v>2928</v>
      </c>
      <c r="C100" s="80">
        <v>70.861282473147341</v>
      </c>
      <c r="D100" s="81">
        <v>0.84584965844239812</v>
      </c>
      <c r="E100" s="289">
        <v>0.24729017800573522</v>
      </c>
      <c r="F100" s="290">
        <v>1.5942935243190313E-2</v>
      </c>
      <c r="G100" s="289">
        <v>0.36303885013418608</v>
      </c>
      <c r="H100" s="290">
        <v>1.7763521296713089E-2</v>
      </c>
    </row>
    <row r="101" spans="1:8" s="5" customFormat="1">
      <c r="A101" s="44" t="s">
        <v>368</v>
      </c>
      <c r="B101" s="76">
        <v>156</v>
      </c>
      <c r="C101" s="77">
        <v>67.632288933375179</v>
      </c>
      <c r="D101" s="78">
        <v>4.136887239258793</v>
      </c>
      <c r="E101" s="287">
        <v>0.27773867081401404</v>
      </c>
      <c r="F101" s="288">
        <v>7.1245882584455827E-2</v>
      </c>
      <c r="G101" s="287">
        <v>0.3154102330595841</v>
      </c>
      <c r="H101" s="288">
        <v>7.3757879440106575E-2</v>
      </c>
    </row>
    <row r="102" spans="1:8" s="5" customFormat="1">
      <c r="A102" s="48" t="s">
        <v>150</v>
      </c>
      <c r="B102" s="79">
        <v>272</v>
      </c>
      <c r="C102" s="80">
        <v>73.454281027916991</v>
      </c>
      <c r="D102" s="81">
        <v>2.6877286478560221</v>
      </c>
      <c r="E102" s="289">
        <v>0.20795571947372829</v>
      </c>
      <c r="F102" s="290">
        <v>4.9220649879418141E-2</v>
      </c>
      <c r="G102" s="289">
        <v>0.39491612551506028</v>
      </c>
      <c r="H102" s="290">
        <v>5.8887652293706939E-2</v>
      </c>
    </row>
    <row r="103" spans="1:8" s="5" customFormat="1">
      <c r="A103" s="44" t="s">
        <v>352</v>
      </c>
      <c r="B103" s="76">
        <v>122</v>
      </c>
      <c r="C103" s="77">
        <v>73.185726919822002</v>
      </c>
      <c r="D103" s="78">
        <v>4.1066102463267642</v>
      </c>
      <c r="E103" s="287">
        <v>0.20972942993039045</v>
      </c>
      <c r="F103" s="288">
        <v>7.368050550763823E-2</v>
      </c>
      <c r="G103" s="287">
        <v>0.41435986480088938</v>
      </c>
      <c r="H103" s="288">
        <v>8.7853420726046252E-2</v>
      </c>
    </row>
    <row r="104" spans="1:8" s="5" customFormat="1">
      <c r="A104" s="48" t="s">
        <v>353</v>
      </c>
      <c r="B104" s="79">
        <v>116</v>
      </c>
      <c r="C104" s="80">
        <v>71.349485487138409</v>
      </c>
      <c r="D104" s="81">
        <v>4.081465926025067</v>
      </c>
      <c r="E104" s="289">
        <v>0.25020202404313951</v>
      </c>
      <c r="F104" s="290">
        <v>7.9935718800890648E-2</v>
      </c>
      <c r="G104" s="289">
        <v>0.37674222946951841</v>
      </c>
      <c r="H104" s="290">
        <v>8.8657293991932395E-2</v>
      </c>
    </row>
    <row r="105" spans="1:8" s="5" customFormat="1">
      <c r="A105" s="44" t="s">
        <v>369</v>
      </c>
      <c r="B105" s="76">
        <v>418</v>
      </c>
      <c r="C105" s="77">
        <v>72.350215183391256</v>
      </c>
      <c r="D105" s="78">
        <v>2.2094902236804752</v>
      </c>
      <c r="E105" s="287">
        <v>0.20091754786867827</v>
      </c>
      <c r="F105" s="288">
        <v>3.9214731572283973E-2</v>
      </c>
      <c r="G105" s="287">
        <v>0.38615690346631304</v>
      </c>
      <c r="H105" s="288">
        <v>4.7425099530690101E-2</v>
      </c>
    </row>
    <row r="106" spans="1:8" s="5" customFormat="1">
      <c r="A106" s="48" t="s">
        <v>354</v>
      </c>
      <c r="B106" s="79">
        <v>71</v>
      </c>
      <c r="C106" s="80">
        <v>70.095418488660968</v>
      </c>
      <c r="D106" s="81">
        <v>5.8958889558218752</v>
      </c>
      <c r="E106" s="289">
        <v>0.29647062661215973</v>
      </c>
      <c r="F106" s="290">
        <v>0.1065524089567409</v>
      </c>
      <c r="G106" s="289">
        <v>0.49482542072893482</v>
      </c>
      <c r="H106" s="290">
        <v>0.11546451199712979</v>
      </c>
    </row>
    <row r="107" spans="1:8">
      <c r="A107" s="44" t="s">
        <v>355</v>
      </c>
      <c r="B107" s="82">
        <v>73</v>
      </c>
      <c r="C107" s="83">
        <v>74.475207092239643</v>
      </c>
      <c r="D107" s="84">
        <v>4.7746097647745733</v>
      </c>
      <c r="E107" s="291">
        <v>0.14496666677483833</v>
      </c>
      <c r="F107" s="292">
        <v>8.4271405335671165E-2</v>
      </c>
      <c r="G107" s="291">
        <v>0.35139623977123585</v>
      </c>
      <c r="H107" s="292">
        <v>0.10934318066028152</v>
      </c>
    </row>
    <row r="108" spans="1:8">
      <c r="A108" s="48" t="s">
        <v>356</v>
      </c>
      <c r="B108" s="79">
        <v>65</v>
      </c>
      <c r="C108" s="80">
        <v>76.111962489477051</v>
      </c>
      <c r="D108" s="81">
        <v>5.6358088348416935</v>
      </c>
      <c r="E108" s="289">
        <v>0.16453799290355847</v>
      </c>
      <c r="F108" s="290">
        <v>9.3292297816233702E-2</v>
      </c>
      <c r="G108" s="289">
        <v>0.47169560789784287</v>
      </c>
      <c r="H108" s="290">
        <v>0.12021455569990154</v>
      </c>
    </row>
    <row r="109" spans="1:8">
      <c r="A109" s="56" t="s">
        <v>357</v>
      </c>
      <c r="B109" s="76">
        <v>53</v>
      </c>
      <c r="C109" s="77">
        <v>75.524310771117797</v>
      </c>
      <c r="D109" s="78">
        <v>5.5560655436187165</v>
      </c>
      <c r="E109" s="287">
        <v>0.14592195810311884</v>
      </c>
      <c r="F109" s="288">
        <v>9.9686281307123287E-2</v>
      </c>
      <c r="G109" s="287">
        <v>0.36756995427258532</v>
      </c>
      <c r="H109" s="288">
        <v>0.12837372821107451</v>
      </c>
    </row>
    <row r="110" spans="1:8">
      <c r="A110" s="48" t="s">
        <v>358</v>
      </c>
      <c r="B110" s="79">
        <v>94</v>
      </c>
      <c r="C110" s="80">
        <v>71.947357118539685</v>
      </c>
      <c r="D110" s="81">
        <v>4.349538810379773</v>
      </c>
      <c r="E110" s="289">
        <v>0.2438612133139916</v>
      </c>
      <c r="F110" s="290">
        <v>8.797942760618585E-2</v>
      </c>
      <c r="G110" s="289">
        <v>0.34749656798467859</v>
      </c>
      <c r="H110" s="290">
        <v>9.6595625042545694E-2</v>
      </c>
    </row>
    <row r="111" spans="1:8">
      <c r="A111" s="56" t="s">
        <v>359</v>
      </c>
      <c r="B111" s="76">
        <v>114</v>
      </c>
      <c r="C111" s="77">
        <v>68.550016624561266</v>
      </c>
      <c r="D111" s="78">
        <v>4.6726267356677456</v>
      </c>
      <c r="E111" s="287">
        <v>0.24693094080696387</v>
      </c>
      <c r="F111" s="288">
        <v>8.0301217104022507E-2</v>
      </c>
      <c r="G111" s="287">
        <v>0.35590109755975163</v>
      </c>
      <c r="H111" s="288">
        <v>8.8417232813273489E-2</v>
      </c>
    </row>
    <row r="112" spans="1:8">
      <c r="A112" s="48" t="s">
        <v>371</v>
      </c>
      <c r="B112" s="79">
        <v>178</v>
      </c>
      <c r="C112" s="80">
        <v>71.26349380274354</v>
      </c>
      <c r="D112" s="81">
        <v>3.5771186955184548</v>
      </c>
      <c r="E112" s="289">
        <v>0.24123249513415285</v>
      </c>
      <c r="F112" s="290">
        <v>6.3928249311359639E-2</v>
      </c>
      <c r="G112" s="289">
        <v>0.38511018608965486</v>
      </c>
      <c r="H112" s="290">
        <v>7.2228903535995856E-2</v>
      </c>
    </row>
    <row r="113" spans="1:23">
      <c r="A113" s="56" t="s">
        <v>360</v>
      </c>
      <c r="B113" s="76">
        <v>100</v>
      </c>
      <c r="C113" s="77">
        <v>70.192817275416175</v>
      </c>
      <c r="D113" s="78">
        <v>4.4660135207673477</v>
      </c>
      <c r="E113" s="287">
        <v>0.23391807846778701</v>
      </c>
      <c r="F113" s="288">
        <v>8.4248213891619003E-2</v>
      </c>
      <c r="G113" s="287">
        <v>0.30226641567729956</v>
      </c>
      <c r="H113" s="288">
        <v>9.0692034644117403E-2</v>
      </c>
    </row>
    <row r="114" spans="1:23">
      <c r="A114" s="48" t="s">
        <v>370</v>
      </c>
      <c r="B114" s="79">
        <v>291</v>
      </c>
      <c r="C114" s="80">
        <v>71.337361741595672</v>
      </c>
      <c r="D114" s="81">
        <v>2.5904469542084514</v>
      </c>
      <c r="E114" s="289">
        <v>0.23436014946285469</v>
      </c>
      <c r="F114" s="290">
        <v>4.9586235176939539E-2</v>
      </c>
      <c r="G114" s="289">
        <v>0.34988956252486197</v>
      </c>
      <c r="H114" s="290">
        <v>5.5610483345518727E-2</v>
      </c>
    </row>
    <row r="115" spans="1:23">
      <c r="A115" s="56" t="s">
        <v>361</v>
      </c>
      <c r="B115" s="76">
        <v>127</v>
      </c>
      <c r="C115" s="77">
        <v>72.226394253467788</v>
      </c>
      <c r="D115" s="78">
        <v>4.1744478501958815</v>
      </c>
      <c r="E115" s="287">
        <v>0.23317504748124804</v>
      </c>
      <c r="F115" s="288">
        <v>7.4769035912514631E-2</v>
      </c>
      <c r="G115" s="287">
        <v>0.4222532950402067</v>
      </c>
      <c r="H115" s="288">
        <v>8.6371989219121176E-2</v>
      </c>
    </row>
    <row r="116" spans="1:23">
      <c r="A116" s="48" t="s">
        <v>375</v>
      </c>
      <c r="B116" s="79">
        <v>112</v>
      </c>
      <c r="C116" s="80">
        <v>70.201874277026661</v>
      </c>
      <c r="D116" s="81">
        <v>3.7706307496226676</v>
      </c>
      <c r="E116" s="289">
        <v>0.22333947084269273</v>
      </c>
      <c r="F116" s="290">
        <v>7.8487124498865399E-2</v>
      </c>
      <c r="G116" s="289">
        <v>0.26510042304856418</v>
      </c>
      <c r="H116" s="290">
        <v>8.274638137261367E-2</v>
      </c>
    </row>
    <row r="117" spans="1:23" s="5" customFormat="1">
      <c r="A117" s="56" t="s">
        <v>358</v>
      </c>
      <c r="B117" s="76">
        <v>94</v>
      </c>
      <c r="C117" s="77">
        <v>71.947357118539685</v>
      </c>
      <c r="D117" s="78">
        <v>4.349538810379773</v>
      </c>
      <c r="E117" s="287">
        <v>0.2438612133139916</v>
      </c>
      <c r="F117" s="288">
        <v>8.797942760618585E-2</v>
      </c>
      <c r="G117" s="287">
        <v>0.34749656798467859</v>
      </c>
      <c r="H117" s="288">
        <v>9.6595625042545694E-2</v>
      </c>
    </row>
    <row r="119" spans="1:23" s="5" customFormat="1" ht="18.75">
      <c r="A119" s="341" t="s">
        <v>223</v>
      </c>
      <c r="B119" s="341"/>
      <c r="C119" s="341"/>
      <c r="D119" s="341"/>
      <c r="E119" s="341"/>
      <c r="F119" s="341"/>
      <c r="G119" s="341"/>
      <c r="H119" s="341"/>
      <c r="I119" s="341"/>
      <c r="J119" s="341"/>
      <c r="K119" s="341"/>
      <c r="L119" s="341"/>
      <c r="M119" s="341"/>
      <c r="N119" s="341"/>
      <c r="O119" s="341"/>
      <c r="P119" s="341"/>
      <c r="Q119" s="341"/>
      <c r="R119" s="341"/>
      <c r="S119" s="341"/>
      <c r="T119" s="341"/>
      <c r="U119" s="341"/>
      <c r="V119" s="341"/>
      <c r="W119" s="232"/>
    </row>
    <row r="120" spans="1:23" s="5" customFormat="1" ht="72" customHeight="1">
      <c r="A120" s="339" t="s">
        <v>584</v>
      </c>
      <c r="B120" s="339"/>
      <c r="C120" s="339"/>
      <c r="D120" s="339"/>
      <c r="E120" s="339"/>
      <c r="F120" s="339"/>
      <c r="G120" s="339"/>
      <c r="H120" s="339"/>
      <c r="I120" s="339"/>
      <c r="J120" s="339"/>
      <c r="K120" s="339"/>
      <c r="L120" s="339"/>
      <c r="M120" s="339"/>
      <c r="N120" s="339"/>
      <c r="O120" s="339"/>
      <c r="P120" s="339"/>
      <c r="Q120" s="339"/>
      <c r="R120" s="339"/>
      <c r="S120" s="339"/>
      <c r="T120" s="339"/>
      <c r="U120" s="339"/>
      <c r="V120" s="339"/>
    </row>
    <row r="121" spans="1:23" s="5" customFormat="1" ht="48.75" customHeight="1">
      <c r="A121" s="63" t="s">
        <v>245</v>
      </c>
      <c r="B121" s="336" t="s">
        <v>226</v>
      </c>
      <c r="C121" s="337"/>
      <c r="D121" s="337"/>
      <c r="E121" s="337"/>
      <c r="F121" s="337"/>
      <c r="G121" s="337"/>
      <c r="H121" s="338"/>
      <c r="I121" s="331" t="s">
        <v>225</v>
      </c>
      <c r="J121" s="332"/>
      <c r="K121" s="332"/>
      <c r="L121" s="332"/>
      <c r="M121" s="332"/>
      <c r="N121" s="332"/>
      <c r="O121" s="333"/>
      <c r="P121" s="331" t="s">
        <v>224</v>
      </c>
      <c r="Q121" s="332"/>
      <c r="R121" s="332"/>
      <c r="S121" s="332"/>
      <c r="T121" s="332"/>
      <c r="U121" s="332"/>
      <c r="V121" s="333"/>
    </row>
    <row r="122" spans="1:23" s="5" customFormat="1" ht="43.5" customHeight="1">
      <c r="A122" s="36" t="s">
        <v>70</v>
      </c>
      <c r="B122" s="64" t="s">
        <v>71</v>
      </c>
      <c r="C122" s="65" t="s">
        <v>593</v>
      </c>
      <c r="D122" s="66" t="s">
        <v>72</v>
      </c>
      <c r="E122" s="65" t="s">
        <v>330</v>
      </c>
      <c r="F122" s="66" t="s">
        <v>334</v>
      </c>
      <c r="G122" s="65" t="s">
        <v>332</v>
      </c>
      <c r="H122" s="66" t="s">
        <v>335</v>
      </c>
      <c r="I122" s="37" t="s">
        <v>71</v>
      </c>
      <c r="J122" s="38" t="s">
        <v>593</v>
      </c>
      <c r="K122" s="39" t="s">
        <v>72</v>
      </c>
      <c r="L122" s="37" t="s">
        <v>330</v>
      </c>
      <c r="M122" s="39" t="s">
        <v>334</v>
      </c>
      <c r="N122" s="38" t="s">
        <v>332</v>
      </c>
      <c r="O122" s="39" t="s">
        <v>334</v>
      </c>
      <c r="P122" s="64" t="s">
        <v>71</v>
      </c>
      <c r="Q122" s="65" t="s">
        <v>593</v>
      </c>
      <c r="R122" s="66" t="s">
        <v>72</v>
      </c>
      <c r="S122" s="64" t="s">
        <v>330</v>
      </c>
      <c r="T122" s="66" t="s">
        <v>334</v>
      </c>
      <c r="U122" s="65" t="s">
        <v>332</v>
      </c>
      <c r="V122" s="66" t="s">
        <v>334</v>
      </c>
    </row>
    <row r="123" spans="1:23" s="5" customFormat="1" ht="64.5" customHeight="1">
      <c r="A123" s="40"/>
      <c r="B123" s="67" t="s">
        <v>73</v>
      </c>
      <c r="C123" s="68" t="s">
        <v>246</v>
      </c>
      <c r="D123" s="69" t="s">
        <v>75</v>
      </c>
      <c r="E123" s="68" t="s">
        <v>331</v>
      </c>
      <c r="F123" s="69" t="s">
        <v>87</v>
      </c>
      <c r="G123" s="68" t="s">
        <v>333</v>
      </c>
      <c r="H123" s="69" t="s">
        <v>87</v>
      </c>
      <c r="I123" s="41" t="s">
        <v>73</v>
      </c>
      <c r="J123" s="42" t="s">
        <v>246</v>
      </c>
      <c r="K123" s="43" t="s">
        <v>75</v>
      </c>
      <c r="L123" s="41" t="s">
        <v>331</v>
      </c>
      <c r="M123" s="43" t="s">
        <v>87</v>
      </c>
      <c r="N123" s="127" t="s">
        <v>333</v>
      </c>
      <c r="O123" s="43" t="s">
        <v>87</v>
      </c>
      <c r="P123" s="67" t="s">
        <v>73</v>
      </c>
      <c r="Q123" s="68" t="s">
        <v>246</v>
      </c>
      <c r="R123" s="69" t="s">
        <v>75</v>
      </c>
      <c r="S123" s="67" t="s">
        <v>331</v>
      </c>
      <c r="T123" s="69" t="s">
        <v>87</v>
      </c>
      <c r="U123" s="261" t="s">
        <v>333</v>
      </c>
      <c r="V123" s="69" t="s">
        <v>87</v>
      </c>
    </row>
    <row r="124" spans="1:23" s="5" customFormat="1">
      <c r="A124" s="44" t="s">
        <v>349</v>
      </c>
      <c r="B124" s="70">
        <v>13595</v>
      </c>
      <c r="C124" s="71">
        <v>66.671008525665897</v>
      </c>
      <c r="D124" s="72">
        <v>0.4352659319735202</v>
      </c>
      <c r="E124" s="280">
        <v>0.29427832367242951</v>
      </c>
      <c r="F124" s="281">
        <v>7.8162492592661649E-3</v>
      </c>
      <c r="G124" s="280">
        <v>0.26440420139730286</v>
      </c>
      <c r="H124" s="281">
        <v>7.5642652928588853E-3</v>
      </c>
      <c r="I124" s="70">
        <v>13488</v>
      </c>
      <c r="J124" s="71">
        <v>66.618202836074161</v>
      </c>
      <c r="K124" s="72">
        <v>0.44084708176087417</v>
      </c>
      <c r="L124" s="280">
        <v>0.2976766307416695</v>
      </c>
      <c r="M124" s="281">
        <v>7.8733211221182799E-3</v>
      </c>
      <c r="N124" s="280">
        <v>0.27811808775732949</v>
      </c>
      <c r="O124" s="281">
        <v>7.715624666684703E-3</v>
      </c>
      <c r="P124" s="70">
        <v>13500</v>
      </c>
      <c r="Q124" s="71">
        <v>67.647801110856562</v>
      </c>
      <c r="R124" s="72">
        <v>0.4229868689948128</v>
      </c>
      <c r="S124" s="280">
        <v>0.28061620895654121</v>
      </c>
      <c r="T124" s="281">
        <v>7.7333229177852549E-3</v>
      </c>
      <c r="U124" s="280">
        <v>0.28447116453549126</v>
      </c>
      <c r="V124" s="281">
        <v>7.765346301956827E-3</v>
      </c>
    </row>
    <row r="125" spans="1:23" s="5" customFormat="1">
      <c r="A125" s="48" t="s">
        <v>350</v>
      </c>
      <c r="B125" s="73">
        <v>10073</v>
      </c>
      <c r="C125" s="74">
        <v>69.017358204016944</v>
      </c>
      <c r="D125" s="75">
        <v>0.49241329407288709</v>
      </c>
      <c r="E125" s="283">
        <v>0.25722059746896392</v>
      </c>
      <c r="F125" s="284">
        <v>8.7096425078187715E-3</v>
      </c>
      <c r="G125" s="283">
        <v>0.29983537550732603</v>
      </c>
      <c r="H125" s="284">
        <v>9.1293272634278416E-3</v>
      </c>
      <c r="I125" s="73">
        <v>9989</v>
      </c>
      <c r="J125" s="74">
        <v>68.856140725307412</v>
      </c>
      <c r="K125" s="75">
        <v>0.50027931883321508</v>
      </c>
      <c r="L125" s="283">
        <v>0.26323630773319057</v>
      </c>
      <c r="M125" s="284">
        <v>8.8118944317164601E-3</v>
      </c>
      <c r="N125" s="283">
        <v>0.31720661259196503</v>
      </c>
      <c r="O125" s="284">
        <v>9.3116068896594226E-3</v>
      </c>
      <c r="P125" s="73">
        <v>10003</v>
      </c>
      <c r="Q125" s="74">
        <v>70.109356682736859</v>
      </c>
      <c r="R125" s="75">
        <v>0.47747551305841629</v>
      </c>
      <c r="S125" s="283">
        <v>0.24142759489581603</v>
      </c>
      <c r="T125" s="284">
        <v>8.5572333156978906E-3</v>
      </c>
      <c r="U125" s="283">
        <v>0.32555929066739525</v>
      </c>
      <c r="V125" s="284">
        <v>9.3689092615848318E-3</v>
      </c>
    </row>
    <row r="126" spans="1:23" s="5" customFormat="1">
      <c r="A126" s="44" t="s">
        <v>351</v>
      </c>
      <c r="B126" s="53">
        <v>3522</v>
      </c>
      <c r="C126" s="54">
        <v>64.681314939341803</v>
      </c>
      <c r="D126" s="55">
        <v>0.89516544038157875</v>
      </c>
      <c r="E126" s="277">
        <v>0.3257031026945264</v>
      </c>
      <c r="F126" s="286">
        <v>1.5786776890086018E-2</v>
      </c>
      <c r="G126" s="277">
        <v>0.23435873096588655</v>
      </c>
      <c r="H126" s="286">
        <v>1.4273669403777344E-2</v>
      </c>
      <c r="I126" s="53">
        <v>3499</v>
      </c>
      <c r="J126" s="54">
        <v>64.722765909225885</v>
      </c>
      <c r="K126" s="55">
        <v>0.90037310350955169</v>
      </c>
      <c r="L126" s="277">
        <v>0.32684609979480589</v>
      </c>
      <c r="M126" s="286">
        <v>1.5852811422488372E-2</v>
      </c>
      <c r="N126" s="277">
        <v>0.24501179211611837</v>
      </c>
      <c r="O126" s="286">
        <v>1.4539438784733552E-2</v>
      </c>
      <c r="P126" s="53">
        <v>3497</v>
      </c>
      <c r="Q126" s="54">
        <v>65.559882620440547</v>
      </c>
      <c r="R126" s="55">
        <v>0.87150522196120939</v>
      </c>
      <c r="S126" s="277">
        <v>0.31385642211518133</v>
      </c>
      <c r="T126" s="286">
        <v>1.5688691668993459E-2</v>
      </c>
      <c r="U126" s="277">
        <v>0.24961976436098715</v>
      </c>
      <c r="V126" s="286">
        <v>1.4634572147230528E-2</v>
      </c>
    </row>
    <row r="127" spans="1:23" s="5" customFormat="1">
      <c r="A127" s="48" t="s">
        <v>558</v>
      </c>
      <c r="B127" s="73">
        <v>324</v>
      </c>
      <c r="C127" s="74">
        <v>64.760987121439058</v>
      </c>
      <c r="D127" s="75">
        <v>2.9735700161302159</v>
      </c>
      <c r="E127" s="283">
        <v>0.29593011032642974</v>
      </c>
      <c r="F127" s="284">
        <v>5.0529514040379295E-2</v>
      </c>
      <c r="G127" s="283">
        <v>0.24014020712466216</v>
      </c>
      <c r="H127" s="284">
        <v>4.7383985160906174E-2</v>
      </c>
      <c r="I127" s="73">
        <v>321</v>
      </c>
      <c r="J127" s="74">
        <v>63.958359797740442</v>
      </c>
      <c r="K127" s="75">
        <v>3.018082480204761</v>
      </c>
      <c r="L127" s="283">
        <v>0.30184761886506828</v>
      </c>
      <c r="M127" s="284">
        <v>5.1044016430672585E-2</v>
      </c>
      <c r="N127" s="283">
        <v>0.22214509592228493</v>
      </c>
      <c r="O127" s="284">
        <v>4.6367806825179443E-2</v>
      </c>
      <c r="P127" s="73">
        <v>321</v>
      </c>
      <c r="Q127" s="74">
        <v>64.643780609008871</v>
      </c>
      <c r="R127" s="75">
        <v>2.9021668110940433</v>
      </c>
      <c r="S127" s="283">
        <v>0.30692560879302638</v>
      </c>
      <c r="T127" s="284">
        <v>5.1277133975602872E-2</v>
      </c>
      <c r="U127" s="283">
        <v>0.22246359906701804</v>
      </c>
      <c r="V127" s="284">
        <v>4.6390703847484567E-2</v>
      </c>
    </row>
    <row r="128" spans="1:23" s="5" customFormat="1">
      <c r="A128" s="44" t="s">
        <v>559</v>
      </c>
      <c r="B128" s="53">
        <v>3539</v>
      </c>
      <c r="C128" s="54">
        <v>67.943608886683379</v>
      </c>
      <c r="D128" s="55">
        <v>0.81507853959786813</v>
      </c>
      <c r="E128" s="277">
        <v>0.27633410128644931</v>
      </c>
      <c r="F128" s="286">
        <v>1.5029802376246309E-2</v>
      </c>
      <c r="G128" s="277">
        <v>0.27222132244094915</v>
      </c>
      <c r="H128" s="286">
        <v>1.4960063823858137E-2</v>
      </c>
      <c r="I128" s="53">
        <v>3503</v>
      </c>
      <c r="J128" s="54">
        <v>67.747295234605005</v>
      </c>
      <c r="K128" s="55">
        <v>0.83204678581732683</v>
      </c>
      <c r="L128" s="277">
        <v>0.28323686387086977</v>
      </c>
      <c r="M128" s="286">
        <v>1.5220866640123126E-2</v>
      </c>
      <c r="N128" s="277">
        <v>0.2832828613026514</v>
      </c>
      <c r="O128" s="286">
        <v>1.5221611982617735E-2</v>
      </c>
      <c r="P128" s="53">
        <v>3511</v>
      </c>
      <c r="Q128" s="54">
        <v>68.476738034678249</v>
      </c>
      <c r="R128" s="55">
        <v>0.79131812485034114</v>
      </c>
      <c r="S128" s="277">
        <v>0.26347648045263666</v>
      </c>
      <c r="T128" s="286">
        <v>1.4865308106142843E-2</v>
      </c>
      <c r="U128" s="277">
        <v>0.29280026281212718</v>
      </c>
      <c r="V128" s="286">
        <v>1.5354175201824492E-2</v>
      </c>
    </row>
    <row r="129" spans="1:22" s="5" customFormat="1">
      <c r="A129" s="48" t="s">
        <v>560</v>
      </c>
      <c r="B129" s="73">
        <v>2935</v>
      </c>
      <c r="C129" s="74">
        <v>70.686287290833434</v>
      </c>
      <c r="D129" s="75">
        <v>0.87964512315192633</v>
      </c>
      <c r="E129" s="283">
        <v>0.22664715831739868</v>
      </c>
      <c r="F129" s="284">
        <v>1.5454175719216529E-2</v>
      </c>
      <c r="G129" s="283">
        <v>0.31163254431727483</v>
      </c>
      <c r="H129" s="284">
        <v>1.7090684183571025E-2</v>
      </c>
      <c r="I129" s="73">
        <v>2906</v>
      </c>
      <c r="J129" s="74">
        <v>70.037514426716584</v>
      </c>
      <c r="K129" s="75">
        <v>0.89966306624162595</v>
      </c>
      <c r="L129" s="283">
        <v>0.24815351371519309</v>
      </c>
      <c r="M129" s="284">
        <v>1.6021789128740565E-2</v>
      </c>
      <c r="N129" s="283">
        <v>0.32994266260852728</v>
      </c>
      <c r="O129" s="284">
        <v>1.7435593847863747E-2</v>
      </c>
      <c r="P129" s="73">
        <v>2914</v>
      </c>
      <c r="Q129" s="74">
        <v>71.764242985462815</v>
      </c>
      <c r="R129" s="75">
        <v>0.84408955892149851</v>
      </c>
      <c r="S129" s="283">
        <v>0.21115605754579886</v>
      </c>
      <c r="T129" s="284">
        <v>1.5121067483271486E-2</v>
      </c>
      <c r="U129" s="283">
        <v>0.34106890298599413</v>
      </c>
      <c r="V129" s="284">
        <v>1.7554775115520845E-2</v>
      </c>
    </row>
    <row r="130" spans="1:22" s="5" customFormat="1">
      <c r="A130" s="44" t="s">
        <v>368</v>
      </c>
      <c r="B130" s="53">
        <v>156</v>
      </c>
      <c r="C130" s="54">
        <v>67.859221431820615</v>
      </c>
      <c r="D130" s="55">
        <v>4.138483016108661</v>
      </c>
      <c r="E130" s="277">
        <v>0.25508342870359579</v>
      </c>
      <c r="F130" s="286">
        <v>6.9458186949034842E-2</v>
      </c>
      <c r="G130" s="277">
        <v>0.24206220491387126</v>
      </c>
      <c r="H130" s="286">
        <v>6.8328820188019362E-2</v>
      </c>
      <c r="I130" s="53">
        <v>155</v>
      </c>
      <c r="J130" s="54">
        <v>66.315642914639881</v>
      </c>
      <c r="K130" s="55">
        <v>4.4347826862453967</v>
      </c>
      <c r="L130" s="277">
        <v>0.30002561738516387</v>
      </c>
      <c r="M130" s="286">
        <v>7.3029157683008897E-2</v>
      </c>
      <c r="N130" s="277">
        <v>0.27383676563074694</v>
      </c>
      <c r="O130" s="286">
        <v>7.1179000980492124E-2</v>
      </c>
      <c r="P130" s="53">
        <v>155</v>
      </c>
      <c r="Q130" s="54">
        <v>68.536588678867147</v>
      </c>
      <c r="R130" s="55">
        <v>4.1773796304681738</v>
      </c>
      <c r="S130" s="277">
        <v>0.24570076278451855</v>
      </c>
      <c r="T130" s="286">
        <v>6.8871352384439213E-2</v>
      </c>
      <c r="U130" s="277">
        <v>0.29304640208744198</v>
      </c>
      <c r="V130" s="286">
        <v>7.2562800385692294E-2</v>
      </c>
    </row>
    <row r="131" spans="1:22" s="5" customFormat="1">
      <c r="A131" s="48" t="s">
        <v>150</v>
      </c>
      <c r="B131" s="73">
        <v>272</v>
      </c>
      <c r="C131" s="74">
        <v>72.745187424724932</v>
      </c>
      <c r="D131" s="75">
        <v>2.8291066218665462</v>
      </c>
      <c r="E131" s="283">
        <v>0.21984781715669222</v>
      </c>
      <c r="F131" s="284">
        <v>5.018418309458466E-2</v>
      </c>
      <c r="G131" s="283">
        <v>0.35296595425554428</v>
      </c>
      <c r="H131" s="284">
        <v>5.7609767504878458E-2</v>
      </c>
      <c r="I131" s="73">
        <v>271</v>
      </c>
      <c r="J131" s="74">
        <v>73.09054087018562</v>
      </c>
      <c r="K131" s="75">
        <v>2.8506232354550129</v>
      </c>
      <c r="L131" s="283">
        <v>0.19613612996592827</v>
      </c>
      <c r="M131" s="284">
        <v>4.8292031602409462E-2</v>
      </c>
      <c r="N131" s="283">
        <v>0.34221945270250204</v>
      </c>
      <c r="O131" s="284">
        <v>5.7312444011670537E-2</v>
      </c>
      <c r="P131" s="73">
        <v>272</v>
      </c>
      <c r="Q131" s="74">
        <v>74.431508097243153</v>
      </c>
      <c r="R131" s="75">
        <v>2.626032411454887</v>
      </c>
      <c r="S131" s="283">
        <v>0.18431421758226821</v>
      </c>
      <c r="T131" s="284">
        <v>4.7121517023642714E-2</v>
      </c>
      <c r="U131" s="283">
        <v>0.36464942792199417</v>
      </c>
      <c r="V131" s="284">
        <v>5.8011416017095259E-2</v>
      </c>
    </row>
    <row r="132" spans="1:22" s="5" customFormat="1">
      <c r="A132" s="44" t="s">
        <v>352</v>
      </c>
      <c r="B132" s="53">
        <v>122</v>
      </c>
      <c r="C132" s="54">
        <v>72.702216728929017</v>
      </c>
      <c r="D132" s="55">
        <v>4.2866556051379385</v>
      </c>
      <c r="E132" s="277">
        <v>0.20236802194385775</v>
      </c>
      <c r="F132" s="286">
        <v>7.2801177458149319E-2</v>
      </c>
      <c r="G132" s="277">
        <v>0.35249407529913307</v>
      </c>
      <c r="H132" s="286">
        <v>8.537527511270479E-2</v>
      </c>
      <c r="I132" s="53">
        <v>121</v>
      </c>
      <c r="J132" s="54">
        <v>72.252180130870485</v>
      </c>
      <c r="K132" s="55">
        <v>4.4127738445058373</v>
      </c>
      <c r="L132" s="277">
        <v>0.20315576662448084</v>
      </c>
      <c r="M132" s="286">
        <v>7.3197317053715003E-2</v>
      </c>
      <c r="N132" s="277">
        <v>0.33063912040640803</v>
      </c>
      <c r="O132" s="286">
        <v>8.4498187406550587E-2</v>
      </c>
      <c r="P132" s="53">
        <v>122</v>
      </c>
      <c r="Q132" s="54">
        <v>74.366044026024028</v>
      </c>
      <c r="R132" s="55">
        <v>4.0825538504247483</v>
      </c>
      <c r="S132" s="277">
        <v>0.167192176324651</v>
      </c>
      <c r="T132" s="286">
        <v>6.8117492756150227E-2</v>
      </c>
      <c r="U132" s="277">
        <v>0.37781397827115504</v>
      </c>
      <c r="V132" s="286">
        <v>8.6557335799809232E-2</v>
      </c>
    </row>
    <row r="133" spans="1:22" s="5" customFormat="1">
      <c r="A133" s="48" t="s">
        <v>353</v>
      </c>
      <c r="B133" s="73">
        <v>116</v>
      </c>
      <c r="C133" s="74">
        <v>70.000226127720069</v>
      </c>
      <c r="D133" s="75">
        <v>4.3281737298071405</v>
      </c>
      <c r="E133" s="283">
        <v>0.25859565905778298</v>
      </c>
      <c r="F133" s="284">
        <v>8.0735011692469827E-2</v>
      </c>
      <c r="G133" s="283">
        <v>0.32867734363718176</v>
      </c>
      <c r="H133" s="284">
        <v>8.6134139224282549E-2</v>
      </c>
      <c r="I133" s="73">
        <v>116</v>
      </c>
      <c r="J133" s="74">
        <v>70.875961340614523</v>
      </c>
      <c r="K133" s="75">
        <v>4.2954708645019029</v>
      </c>
      <c r="L133" s="283">
        <v>0.22738157755456942</v>
      </c>
      <c r="M133" s="284">
        <v>7.757820513429102E-2</v>
      </c>
      <c r="N133" s="283">
        <v>0.33170676302108654</v>
      </c>
      <c r="O133" s="284">
        <v>8.631996506358082E-2</v>
      </c>
      <c r="P133" s="73">
        <v>116</v>
      </c>
      <c r="Q133" s="74">
        <v>73.172268993080607</v>
      </c>
      <c r="R133" s="75">
        <v>3.8890485666897034</v>
      </c>
      <c r="S133" s="283">
        <v>0.21219401288440387</v>
      </c>
      <c r="T133" s="284">
        <v>7.5850253860590092E-2</v>
      </c>
      <c r="U133" s="283">
        <v>0.36345628855737167</v>
      </c>
      <c r="V133" s="284">
        <v>8.8048858553995815E-2</v>
      </c>
    </row>
    <row r="134" spans="1:22" s="5" customFormat="1">
      <c r="A134" s="44" t="s">
        <v>369</v>
      </c>
      <c r="B134" s="70">
        <v>420</v>
      </c>
      <c r="C134" s="71">
        <v>71.895492238750776</v>
      </c>
      <c r="D134" s="72">
        <v>2.2979186736497081</v>
      </c>
      <c r="E134" s="280">
        <v>0.1948900628017991</v>
      </c>
      <c r="F134" s="281">
        <v>3.8687925970306319E-2</v>
      </c>
      <c r="G134" s="280">
        <v>0.35095793071758158</v>
      </c>
      <c r="H134" s="281">
        <v>4.639896794083824E-2</v>
      </c>
      <c r="I134" s="70">
        <v>414</v>
      </c>
      <c r="J134" s="71">
        <v>71.657026686346768</v>
      </c>
      <c r="K134" s="72">
        <v>2.3294998157731732</v>
      </c>
      <c r="L134" s="280">
        <v>0.20625255363394579</v>
      </c>
      <c r="M134" s="281">
        <v>3.9778811019602664E-2</v>
      </c>
      <c r="N134" s="280">
        <v>0.35654814098450949</v>
      </c>
      <c r="O134" s="281">
        <v>4.6895335500007677E-2</v>
      </c>
      <c r="P134" s="70">
        <v>415</v>
      </c>
      <c r="Q134" s="71">
        <v>73.397407855527945</v>
      </c>
      <c r="R134" s="72">
        <v>2.1959391029232105</v>
      </c>
      <c r="S134" s="280">
        <v>0.1725598346398419</v>
      </c>
      <c r="T134" s="281">
        <v>3.7182420787665385E-2</v>
      </c>
      <c r="U134" s="280">
        <v>0.36807296395177574</v>
      </c>
      <c r="V134" s="281">
        <v>4.7155456215356384E-2</v>
      </c>
    </row>
    <row r="135" spans="1:22" s="5" customFormat="1">
      <c r="A135" s="48" t="s">
        <v>354</v>
      </c>
      <c r="B135" s="73">
        <v>71</v>
      </c>
      <c r="C135" s="74">
        <v>69.771446118964462</v>
      </c>
      <c r="D135" s="75">
        <v>6.0762860476209797</v>
      </c>
      <c r="E135" s="283">
        <v>0.29647062661215973</v>
      </c>
      <c r="F135" s="284">
        <v>0.1065524089567409</v>
      </c>
      <c r="G135" s="283">
        <v>0.41021377849305202</v>
      </c>
      <c r="H135" s="284">
        <v>0.11378937362919424</v>
      </c>
      <c r="I135" s="73">
        <v>70</v>
      </c>
      <c r="J135" s="74">
        <v>69.742538380916159</v>
      </c>
      <c r="K135" s="75">
        <v>6.0846511576379587</v>
      </c>
      <c r="L135" s="283">
        <v>0.31261296803749</v>
      </c>
      <c r="M135" s="284">
        <v>0.10869734831017897</v>
      </c>
      <c r="N135" s="283">
        <v>0.46250434685250774</v>
      </c>
      <c r="O135" s="284">
        <v>0.11595478146925972</v>
      </c>
      <c r="P135" s="73">
        <v>71</v>
      </c>
      <c r="Q135" s="74">
        <v>70.763061535970948</v>
      </c>
      <c r="R135" s="75">
        <v>5.8955042568360962</v>
      </c>
      <c r="S135" s="283">
        <v>0.24469952731978592</v>
      </c>
      <c r="T135" s="284">
        <v>0.1010844209165994</v>
      </c>
      <c r="U135" s="283">
        <v>0.41850672143426293</v>
      </c>
      <c r="V135" s="284">
        <v>0.11408729872908653</v>
      </c>
    </row>
    <row r="136" spans="1:22" s="5" customFormat="1">
      <c r="A136" s="44" t="s">
        <v>355</v>
      </c>
      <c r="B136" s="53">
        <v>73</v>
      </c>
      <c r="C136" s="54">
        <v>73.232020157565088</v>
      </c>
      <c r="D136" s="55">
        <v>4.8216765194922235</v>
      </c>
      <c r="E136" s="277">
        <v>0.14389996200348151</v>
      </c>
      <c r="F136" s="286">
        <v>8.4060997887539762E-2</v>
      </c>
      <c r="G136" s="277">
        <v>0.28002491284270353</v>
      </c>
      <c r="H136" s="286">
        <v>0.10357450696345763</v>
      </c>
      <c r="I136" s="53">
        <v>72</v>
      </c>
      <c r="J136" s="54">
        <v>73.899416487523823</v>
      </c>
      <c r="K136" s="55">
        <v>5.185221700445239</v>
      </c>
      <c r="L136" s="277">
        <v>0.14776902240902873</v>
      </c>
      <c r="M136" s="286">
        <v>8.5424423984721429E-2</v>
      </c>
      <c r="N136" s="277">
        <v>0.29964988730822789</v>
      </c>
      <c r="O136" s="286">
        <v>0.10612155928340744</v>
      </c>
      <c r="P136" s="53">
        <v>72</v>
      </c>
      <c r="Q136" s="54">
        <v>76.158531131907139</v>
      </c>
      <c r="R136" s="55">
        <v>4.7198946671063942</v>
      </c>
      <c r="S136" s="277">
        <v>0.10850179163110232</v>
      </c>
      <c r="T136" s="286">
        <v>7.6927290772035084E-2</v>
      </c>
      <c r="U136" s="277">
        <v>0.36135252241669297</v>
      </c>
      <c r="V136" s="286">
        <v>0.11067903190075715</v>
      </c>
    </row>
    <row r="137" spans="1:22" s="5" customFormat="1">
      <c r="A137" s="48" t="s">
        <v>356</v>
      </c>
      <c r="B137" s="73">
        <v>66</v>
      </c>
      <c r="C137" s="74">
        <v>75.576937838135578</v>
      </c>
      <c r="D137" s="75">
        <v>5.8482328049365497</v>
      </c>
      <c r="E137" s="283">
        <v>0.15959360406066264</v>
      </c>
      <c r="F137" s="284">
        <v>9.1647817689992528E-2</v>
      </c>
      <c r="G137" s="283">
        <v>0.43970242283166699</v>
      </c>
      <c r="H137" s="284">
        <v>0.11874771575421265</v>
      </c>
      <c r="I137" s="73">
        <v>64</v>
      </c>
      <c r="J137" s="74">
        <v>75.8499666695038</v>
      </c>
      <c r="K137" s="75">
        <v>5.8055588782552956</v>
      </c>
      <c r="L137" s="283">
        <v>0.18459666432867347</v>
      </c>
      <c r="M137" s="284">
        <v>9.7582532122295576E-2</v>
      </c>
      <c r="N137" s="283">
        <v>0.42930924654974123</v>
      </c>
      <c r="O137" s="284">
        <v>0.12018941666369884</v>
      </c>
      <c r="P137" s="73">
        <v>65</v>
      </c>
      <c r="Q137" s="74">
        <v>76.464254920375609</v>
      </c>
      <c r="R137" s="75">
        <v>5.5236916306732091</v>
      </c>
      <c r="S137" s="283">
        <v>0.15922092431159152</v>
      </c>
      <c r="T137" s="284">
        <v>9.2295599798204522E-2</v>
      </c>
      <c r="U137" s="283">
        <v>0.43243068784681266</v>
      </c>
      <c r="V137" s="284">
        <v>0.11940635552143411</v>
      </c>
    </row>
    <row r="138" spans="1:22" s="5" customFormat="1">
      <c r="A138" s="56" t="s">
        <v>357</v>
      </c>
      <c r="B138" s="70">
        <v>53</v>
      </c>
      <c r="C138" s="71">
        <v>75.411683830209739</v>
      </c>
      <c r="D138" s="72">
        <v>5.9413774994442896</v>
      </c>
      <c r="E138" s="280">
        <v>0.14592195810311884</v>
      </c>
      <c r="F138" s="281">
        <v>9.9686281307123287E-2</v>
      </c>
      <c r="G138" s="280">
        <v>0.38550247520185799</v>
      </c>
      <c r="H138" s="281">
        <v>0.12941588408339832</v>
      </c>
      <c r="I138" s="70">
        <v>53</v>
      </c>
      <c r="J138" s="71">
        <v>74.180799589118578</v>
      </c>
      <c r="K138" s="72">
        <v>6.0340558451358985</v>
      </c>
      <c r="L138" s="280">
        <v>0.16571736818805882</v>
      </c>
      <c r="M138" s="281">
        <v>0.10375014377705556</v>
      </c>
      <c r="N138" s="280">
        <v>0.36852401407965796</v>
      </c>
      <c r="O138" s="281">
        <v>0.12843321291742255</v>
      </c>
      <c r="P138" s="70">
        <v>52</v>
      </c>
      <c r="Q138" s="71">
        <v>76.880303308486944</v>
      </c>
      <c r="R138" s="72">
        <v>5.3915528461705948</v>
      </c>
      <c r="S138" s="280">
        <v>0.10921847372438676</v>
      </c>
      <c r="T138" s="281">
        <v>9.193414105506946E-2</v>
      </c>
      <c r="U138" s="280">
        <v>0.41043970687167752</v>
      </c>
      <c r="V138" s="281">
        <v>0.13176925013052962</v>
      </c>
    </row>
    <row r="139" spans="1:22" s="5" customFormat="1">
      <c r="A139" s="48" t="s">
        <v>358</v>
      </c>
      <c r="B139" s="73">
        <v>94</v>
      </c>
      <c r="C139" s="74">
        <v>69.725046158398072</v>
      </c>
      <c r="D139" s="75">
        <v>5.0927806324165195</v>
      </c>
      <c r="E139" s="283">
        <v>0.26937225286934785</v>
      </c>
      <c r="F139" s="284">
        <v>9.0590850247461413E-2</v>
      </c>
      <c r="G139" s="283">
        <v>0.30547910295790354</v>
      </c>
      <c r="H139" s="284">
        <v>9.3718516936453597E-2</v>
      </c>
      <c r="I139" s="73">
        <v>94</v>
      </c>
      <c r="J139" s="74">
        <v>71.23207598971122</v>
      </c>
      <c r="K139" s="75">
        <v>4.7305254647009525</v>
      </c>
      <c r="L139" s="283">
        <v>0.19320611327193299</v>
      </c>
      <c r="M139" s="284">
        <v>8.1667362669325672E-2</v>
      </c>
      <c r="N139" s="283">
        <v>0.31063658251491999</v>
      </c>
      <c r="O139" s="284">
        <v>9.4114342450166394E-2</v>
      </c>
      <c r="P139" s="73">
        <v>94</v>
      </c>
      <c r="Q139" s="74">
        <v>74.884949207509962</v>
      </c>
      <c r="R139" s="75">
        <v>4.0221306192953108</v>
      </c>
      <c r="S139" s="283">
        <v>0.14726054817990072</v>
      </c>
      <c r="T139" s="284">
        <v>7.4374875893612469E-2</v>
      </c>
      <c r="U139" s="283">
        <v>0.3687765010812955</v>
      </c>
      <c r="V139" s="284">
        <v>9.7762182938732692E-2</v>
      </c>
    </row>
    <row r="140" spans="1:22" s="5" customFormat="1">
      <c r="A140" s="56" t="s">
        <v>359</v>
      </c>
      <c r="B140" s="70">
        <v>115</v>
      </c>
      <c r="C140" s="71">
        <v>69.374982922710544</v>
      </c>
      <c r="D140" s="72">
        <v>4.681993072587928</v>
      </c>
      <c r="E140" s="280">
        <v>0.2292658487865939</v>
      </c>
      <c r="F140" s="281">
        <v>7.811814622103351E-2</v>
      </c>
      <c r="G140" s="280">
        <v>0.32833958093415228</v>
      </c>
      <c r="H140" s="281">
        <v>8.6477354380904731E-2</v>
      </c>
      <c r="I140" s="70">
        <v>113</v>
      </c>
      <c r="J140" s="71">
        <v>67.478152685862668</v>
      </c>
      <c r="K140" s="72">
        <v>4.9003015021972232</v>
      </c>
      <c r="L140" s="280">
        <v>0.24307288599677737</v>
      </c>
      <c r="M140" s="281">
        <v>8.0261306591583009E-2</v>
      </c>
      <c r="N140" s="280">
        <v>0.3207129441542933</v>
      </c>
      <c r="O140" s="281">
        <v>8.6729060608387434E-2</v>
      </c>
      <c r="P140" s="70">
        <v>113</v>
      </c>
      <c r="Q140" s="71">
        <v>68.873633088259865</v>
      </c>
      <c r="R140" s="72">
        <v>4.7089833550767466</v>
      </c>
      <c r="S140" s="280">
        <v>0.22797295344651733</v>
      </c>
      <c r="T140" s="281">
        <v>7.8658525387953079E-2</v>
      </c>
      <c r="U140" s="280">
        <v>0.31120247315865329</v>
      </c>
      <c r="V140" s="281">
        <v>8.6083057283770678E-2</v>
      </c>
    </row>
    <row r="141" spans="1:22" s="5" customFormat="1">
      <c r="A141" s="48" t="s">
        <v>371</v>
      </c>
      <c r="B141" s="73">
        <v>180</v>
      </c>
      <c r="C141" s="74">
        <v>70.480735551484372</v>
      </c>
      <c r="D141" s="75">
        <v>3.7280305035328514</v>
      </c>
      <c r="E141" s="283">
        <v>0.22249509212414906</v>
      </c>
      <c r="F141" s="284">
        <v>6.1908566645070447E-2</v>
      </c>
      <c r="G141" s="283">
        <v>0.33003607869062235</v>
      </c>
      <c r="H141" s="284">
        <v>6.952550390093587E-2</v>
      </c>
      <c r="I141" s="73">
        <v>178</v>
      </c>
      <c r="J141" s="74">
        <v>71.387682710734893</v>
      </c>
      <c r="K141" s="75">
        <v>3.8167379280399651</v>
      </c>
      <c r="L141" s="283">
        <v>0.25509090028751613</v>
      </c>
      <c r="M141" s="284">
        <v>6.5065827082763886E-2</v>
      </c>
      <c r="N141" s="283">
        <v>0.37617873358025311</v>
      </c>
      <c r="O141" s="284">
        <v>7.1917964467612311E-2</v>
      </c>
      <c r="P141" s="73">
        <v>178</v>
      </c>
      <c r="Q141" s="74">
        <v>72.184108553226835</v>
      </c>
      <c r="R141" s="75">
        <v>3.4798151426904775</v>
      </c>
      <c r="S141" s="283">
        <v>0.20689622145416212</v>
      </c>
      <c r="T141" s="284">
        <v>6.0732693682305938E-2</v>
      </c>
      <c r="U141" s="283">
        <v>0.34480622942484074</v>
      </c>
      <c r="V141" s="284">
        <v>7.0627010625364903E-2</v>
      </c>
    </row>
    <row r="142" spans="1:22" s="5" customFormat="1">
      <c r="A142" s="56" t="s">
        <v>360</v>
      </c>
      <c r="B142" s="70">
        <v>102</v>
      </c>
      <c r="C142" s="71">
        <v>68.808426913084062</v>
      </c>
      <c r="D142" s="72">
        <v>4.7999245651048774</v>
      </c>
      <c r="E142" s="280">
        <v>0.24129760131000969</v>
      </c>
      <c r="F142" s="281">
        <v>8.4234366330036503E-2</v>
      </c>
      <c r="G142" s="280">
        <v>0.24922165131102325</v>
      </c>
      <c r="H142" s="281">
        <v>8.5067578828140325E-2</v>
      </c>
      <c r="I142" s="70">
        <v>100</v>
      </c>
      <c r="J142" s="71">
        <v>70.283171208176185</v>
      </c>
      <c r="K142" s="72">
        <v>4.7965929153889624</v>
      </c>
      <c r="L142" s="280">
        <v>0.23933953645615527</v>
      </c>
      <c r="M142" s="281">
        <v>8.4848749174288432E-2</v>
      </c>
      <c r="N142" s="280">
        <v>0.29355453718896479</v>
      </c>
      <c r="O142" s="281">
        <v>8.9999073638256127E-2</v>
      </c>
      <c r="P142" s="70">
        <v>100</v>
      </c>
      <c r="Q142" s="71">
        <v>72.011130702418754</v>
      </c>
      <c r="R142" s="72">
        <v>4.3191483447830814</v>
      </c>
      <c r="S142" s="280">
        <v>0.19132332358935147</v>
      </c>
      <c r="T142" s="281">
        <v>7.8912583287426938E-2</v>
      </c>
      <c r="U142" s="280">
        <v>0.28503343756308774</v>
      </c>
      <c r="V142" s="281">
        <v>8.9286850058892225E-2</v>
      </c>
    </row>
    <row r="143" spans="1:22" s="5" customFormat="1">
      <c r="A143" s="48" t="s">
        <v>370</v>
      </c>
      <c r="B143" s="73">
        <v>291</v>
      </c>
      <c r="C143" s="74">
        <v>71.332813427769253</v>
      </c>
      <c r="D143" s="75">
        <v>2.7295477529684082</v>
      </c>
      <c r="E143" s="283">
        <v>0.2215661218398165</v>
      </c>
      <c r="F143" s="284">
        <v>4.8651330419920279E-2</v>
      </c>
      <c r="G143" s="283">
        <v>0.32781698699538908</v>
      </c>
      <c r="H143" s="284">
        <v>5.4760067777696909E-2</v>
      </c>
      <c r="I143" s="73">
        <v>289</v>
      </c>
      <c r="J143" s="74">
        <v>70.432013788379862</v>
      </c>
      <c r="K143" s="75">
        <v>2.7386129211127246</v>
      </c>
      <c r="L143" s="283">
        <v>0.238716764895165</v>
      </c>
      <c r="M143" s="284">
        <v>5.0062397321972568E-2</v>
      </c>
      <c r="N143" s="283">
        <v>0.31895134533452507</v>
      </c>
      <c r="O143" s="284">
        <v>5.4567521479350442E-2</v>
      </c>
      <c r="P143" s="73">
        <v>291</v>
      </c>
      <c r="Q143" s="74">
        <v>72.048409878081188</v>
      </c>
      <c r="R143" s="75">
        <v>2.5378509982214186</v>
      </c>
      <c r="S143" s="283">
        <v>0.18992384620928227</v>
      </c>
      <c r="T143" s="284">
        <v>4.605707350313519E-2</v>
      </c>
      <c r="U143" s="283">
        <v>0.33293598142002123</v>
      </c>
      <c r="V143" s="284">
        <v>5.4968881681607802E-2</v>
      </c>
    </row>
    <row r="144" spans="1:22" s="5" customFormat="1">
      <c r="A144" s="56" t="s">
        <v>361</v>
      </c>
      <c r="B144" s="70">
        <v>127</v>
      </c>
      <c r="C144" s="71">
        <v>72.856899812906221</v>
      </c>
      <c r="D144" s="72">
        <v>4.2405409445202613</v>
      </c>
      <c r="E144" s="280">
        <v>0.20418884004538235</v>
      </c>
      <c r="F144" s="281">
        <v>7.1570803866331967E-2</v>
      </c>
      <c r="G144" s="280">
        <v>0.3895946881215967</v>
      </c>
      <c r="H144" s="281">
        <v>8.5345045365679745E-2</v>
      </c>
      <c r="I144" s="70">
        <v>127</v>
      </c>
      <c r="J144" s="71">
        <v>71.564247642339609</v>
      </c>
      <c r="K144" s="72">
        <v>4.3275981512189565</v>
      </c>
      <c r="L144" s="280">
        <v>0.24391867856328781</v>
      </c>
      <c r="M144" s="281">
        <v>7.5839516636008006E-2</v>
      </c>
      <c r="N144" s="280">
        <v>0.39298080714072137</v>
      </c>
      <c r="O144" s="281">
        <v>8.5468737289606245E-2</v>
      </c>
      <c r="P144" s="70">
        <v>127</v>
      </c>
      <c r="Q144" s="71">
        <v>72.258035305157492</v>
      </c>
      <c r="R144" s="72">
        <v>4.1705567308052123</v>
      </c>
      <c r="S144" s="280">
        <v>0.22603228985717849</v>
      </c>
      <c r="T144" s="281">
        <v>7.4024016486151686E-2</v>
      </c>
      <c r="U144" s="280">
        <v>0.38402444671188563</v>
      </c>
      <c r="V144" s="281">
        <v>8.5132770092930105E-2</v>
      </c>
    </row>
    <row r="145" spans="1:45" s="5" customFormat="1">
      <c r="A145" s="48" t="s">
        <v>375</v>
      </c>
      <c r="B145" s="73">
        <v>112</v>
      </c>
      <c r="C145" s="74">
        <v>69.907979615146019</v>
      </c>
      <c r="D145" s="75">
        <v>4.044693303443279</v>
      </c>
      <c r="E145" s="283">
        <v>0.21123214303625143</v>
      </c>
      <c r="F145" s="284">
        <v>7.7072467402450745E-2</v>
      </c>
      <c r="G145" s="283">
        <v>0.26099394037173246</v>
      </c>
      <c r="H145" s="284">
        <v>8.2367502537885537E-2</v>
      </c>
      <c r="I145" s="73">
        <v>110</v>
      </c>
      <c r="J145" s="74">
        <v>69.128419642007842</v>
      </c>
      <c r="K145" s="75">
        <v>4.0279273919705583</v>
      </c>
      <c r="L145" s="283">
        <v>0.24186993390450515</v>
      </c>
      <c r="M145" s="284">
        <v>8.1210729788550595E-2</v>
      </c>
      <c r="N145" s="283">
        <v>0.23810100789712912</v>
      </c>
      <c r="O145" s="284">
        <v>8.0815553789262681E-2</v>
      </c>
      <c r="P145" s="73">
        <v>112</v>
      </c>
      <c r="Q145" s="74">
        <v>71.064593580452609</v>
      </c>
      <c r="R145" s="75">
        <v>3.7058390741157714</v>
      </c>
      <c r="S145" s="283">
        <v>0.1653607200937057</v>
      </c>
      <c r="T145" s="284">
        <v>7.0858380767241477E-2</v>
      </c>
      <c r="U145" s="283">
        <v>0.25963681992209653</v>
      </c>
      <c r="V145" s="284">
        <v>8.2240456889176264E-2</v>
      </c>
    </row>
    <row r="146" spans="1:45" s="5" customFormat="1">
      <c r="A146" s="56" t="s">
        <v>358</v>
      </c>
      <c r="B146" s="70">
        <v>94</v>
      </c>
      <c r="C146" s="71">
        <v>69.725046158398072</v>
      </c>
      <c r="D146" s="72">
        <v>5.0927806324165195</v>
      </c>
      <c r="E146" s="280">
        <v>0.26937225286934785</v>
      </c>
      <c r="F146" s="281">
        <v>9.0590850247461413E-2</v>
      </c>
      <c r="G146" s="280">
        <v>0.30547910295790354</v>
      </c>
      <c r="H146" s="281">
        <v>9.3718516936453597E-2</v>
      </c>
      <c r="I146" s="70">
        <v>94</v>
      </c>
      <c r="J146" s="71">
        <v>71.23207598971122</v>
      </c>
      <c r="K146" s="72">
        <v>4.7305254647009525</v>
      </c>
      <c r="L146" s="280">
        <v>0.19320611327193299</v>
      </c>
      <c r="M146" s="281">
        <v>8.1667362669325672E-2</v>
      </c>
      <c r="N146" s="280">
        <v>0.31063658251491999</v>
      </c>
      <c r="O146" s="281">
        <v>9.4114342450166394E-2</v>
      </c>
      <c r="P146" s="70">
        <v>94</v>
      </c>
      <c r="Q146" s="71">
        <v>74.884949207509962</v>
      </c>
      <c r="R146" s="72">
        <v>4.0221306192953108</v>
      </c>
      <c r="S146" s="280">
        <v>0.14726054817990072</v>
      </c>
      <c r="T146" s="281">
        <v>7.4374875893612469E-2</v>
      </c>
      <c r="U146" s="280">
        <v>0.3687765010812955</v>
      </c>
      <c r="V146" s="281">
        <v>9.7762182938732692E-2</v>
      </c>
    </row>
    <row r="148" spans="1:45" customFormat="1" ht="18.75">
      <c r="A148" s="341" t="s">
        <v>248</v>
      </c>
      <c r="B148" s="341"/>
      <c r="C148" s="341"/>
      <c r="D148" s="341"/>
      <c r="E148" s="341"/>
      <c r="F148" s="341"/>
      <c r="G148" s="341"/>
      <c r="H148" s="341"/>
      <c r="I148" s="341"/>
      <c r="J148" s="341"/>
      <c r="K148" s="341"/>
      <c r="L148" s="231"/>
      <c r="M148" s="231"/>
      <c r="N148" s="231"/>
      <c r="O148" s="231"/>
      <c r="P148" s="249"/>
      <c r="Q148" s="249"/>
      <c r="R148" s="249"/>
      <c r="S148" s="249"/>
    </row>
    <row r="149" spans="1:45" customFormat="1" ht="69.75" customHeight="1">
      <c r="A149" s="344" t="s">
        <v>585</v>
      </c>
      <c r="B149" s="344"/>
      <c r="C149" s="344"/>
      <c r="D149" s="344"/>
      <c r="E149" s="344"/>
      <c r="F149" s="344"/>
      <c r="G149" s="344"/>
      <c r="H149" s="344"/>
      <c r="I149" s="344"/>
      <c r="J149" s="344"/>
      <c r="K149" s="344"/>
      <c r="L149" s="256"/>
      <c r="M149" s="256"/>
      <c r="N149" s="256"/>
      <c r="O149" s="256"/>
      <c r="P149" s="249"/>
      <c r="Q149" s="249"/>
      <c r="R149" s="249"/>
      <c r="S149" s="249"/>
    </row>
    <row r="150" spans="1:45" customFormat="1" ht="49.5" customHeight="1">
      <c r="A150" s="347" t="s">
        <v>249</v>
      </c>
      <c r="B150" s="348"/>
      <c r="C150" s="348"/>
      <c r="D150" s="349"/>
      <c r="E150" s="347" t="s">
        <v>324</v>
      </c>
      <c r="F150" s="348"/>
      <c r="G150" s="348"/>
      <c r="H150" s="348"/>
      <c r="I150" s="348"/>
      <c r="J150" s="348"/>
      <c r="K150" s="349"/>
      <c r="L150" s="299"/>
      <c r="M150" s="299"/>
      <c r="N150" s="299"/>
      <c r="O150" s="299"/>
      <c r="P150" s="299"/>
      <c r="Q150" s="299"/>
      <c r="R150" s="299"/>
      <c r="S150" s="299"/>
      <c r="T150" s="299"/>
      <c r="U150" s="299"/>
      <c r="V150" s="299"/>
      <c r="W150" s="299"/>
      <c r="X150" s="299"/>
      <c r="Y150" s="299"/>
      <c r="Z150" s="299"/>
      <c r="AA150" s="299"/>
      <c r="AB150" s="299"/>
      <c r="AC150" s="299"/>
      <c r="AD150" s="299"/>
      <c r="AE150" s="299"/>
      <c r="AF150" s="299"/>
      <c r="AG150" s="299"/>
      <c r="AH150" s="299"/>
      <c r="AI150" s="299"/>
      <c r="AJ150" s="299"/>
      <c r="AK150" s="299"/>
      <c r="AL150" s="299"/>
      <c r="AM150" s="299"/>
      <c r="AN150" s="299"/>
      <c r="AO150" s="299"/>
      <c r="AP150" s="299"/>
      <c r="AQ150" s="299"/>
      <c r="AR150" s="299"/>
      <c r="AS150" s="299"/>
    </row>
    <row r="151" spans="1:45" customFormat="1" ht="72">
      <c r="A151" s="36" t="s">
        <v>70</v>
      </c>
      <c r="B151" s="37" t="s">
        <v>71</v>
      </c>
      <c r="C151" s="38" t="s">
        <v>593</v>
      </c>
      <c r="D151" s="39" t="s">
        <v>72</v>
      </c>
      <c r="E151" s="64" t="s">
        <v>71</v>
      </c>
      <c r="F151" s="64" t="s">
        <v>280</v>
      </c>
      <c r="G151" s="87" t="s">
        <v>283</v>
      </c>
      <c r="H151" s="64" t="s">
        <v>281</v>
      </c>
      <c r="I151" s="87" t="s">
        <v>284</v>
      </c>
      <c r="J151" s="64" t="s">
        <v>282</v>
      </c>
      <c r="K151" s="87" t="s">
        <v>285</v>
      </c>
    </row>
    <row r="152" spans="1:45" customFormat="1" ht="60">
      <c r="A152" s="40"/>
      <c r="B152" s="41" t="s">
        <v>73</v>
      </c>
      <c r="C152" s="42" t="s">
        <v>367</v>
      </c>
      <c r="D152" s="43" t="s">
        <v>75</v>
      </c>
      <c r="E152" s="67" t="s">
        <v>73</v>
      </c>
      <c r="F152" s="67" t="s">
        <v>474</v>
      </c>
      <c r="G152" s="89" t="s">
        <v>87</v>
      </c>
      <c r="H152" s="67" t="s">
        <v>475</v>
      </c>
      <c r="I152" s="89" t="s">
        <v>87</v>
      </c>
      <c r="J152" s="67" t="s">
        <v>476</v>
      </c>
      <c r="K152" s="89" t="s">
        <v>87</v>
      </c>
    </row>
    <row r="153" spans="1:45" customFormat="1">
      <c r="A153" s="44" t="s">
        <v>349</v>
      </c>
      <c r="B153" s="150">
        <v>6468</v>
      </c>
      <c r="C153" s="83">
        <v>6.800068182731672</v>
      </c>
      <c r="D153" s="84">
        <v>5.681447164843071E-2</v>
      </c>
      <c r="E153" s="82">
        <v>6468</v>
      </c>
      <c r="F153" s="97">
        <v>0.36827973299306516</v>
      </c>
      <c r="G153" s="93">
        <v>1.1991736213723708E-2</v>
      </c>
      <c r="H153" s="97">
        <v>0.27035640952930895</v>
      </c>
      <c r="I153" s="93">
        <v>1.1043486020605384E-2</v>
      </c>
      <c r="J153" s="97">
        <v>0.36136385747762279</v>
      </c>
      <c r="K153" s="93">
        <v>1.1943515867995757E-2</v>
      </c>
    </row>
    <row r="154" spans="1:45" customFormat="1">
      <c r="A154" s="48" t="s">
        <v>350</v>
      </c>
      <c r="B154" s="48">
        <v>5924</v>
      </c>
      <c r="C154" s="152">
        <v>6.7993681235548804</v>
      </c>
      <c r="D154" s="153">
        <v>5.9403315274579149E-2</v>
      </c>
      <c r="E154" s="124">
        <v>5924</v>
      </c>
      <c r="F154" s="148">
        <v>0.36765683379411906</v>
      </c>
      <c r="G154" s="96">
        <v>1.252551821664807E-2</v>
      </c>
      <c r="H154" s="149">
        <v>0.27224640288971447</v>
      </c>
      <c r="I154" s="96">
        <v>1.1564472727911175E-2</v>
      </c>
      <c r="J154" s="149">
        <v>0.36009676331617407</v>
      </c>
      <c r="K154" s="96">
        <v>1.2470031271905732E-2</v>
      </c>
    </row>
    <row r="155" spans="1:45" customFormat="1">
      <c r="A155" s="44" t="s">
        <v>351</v>
      </c>
      <c r="B155" s="52">
        <v>544</v>
      </c>
      <c r="C155" s="83">
        <v>6.8023257744976577</v>
      </c>
      <c r="D155" s="84">
        <v>0.19457927431811514</v>
      </c>
      <c r="E155" s="82">
        <v>544</v>
      </c>
      <c r="F155" s="97">
        <v>0.37028849475106418</v>
      </c>
      <c r="G155" s="93">
        <v>4.1277028349586686E-2</v>
      </c>
      <c r="H155" s="97">
        <v>0.26426144843183563</v>
      </c>
      <c r="I155" s="93">
        <v>3.7750202223659338E-2</v>
      </c>
      <c r="J155" s="97">
        <v>0.3654500568170983</v>
      </c>
      <c r="K155" s="93">
        <v>4.1165469517478494E-2</v>
      </c>
    </row>
    <row r="156" spans="1:45" customFormat="1">
      <c r="A156" s="48" t="s">
        <v>558</v>
      </c>
      <c r="B156" s="48">
        <v>88</v>
      </c>
      <c r="C156" s="152">
        <v>6.3672352206681948</v>
      </c>
      <c r="D156" s="153">
        <v>0.47348386764092065</v>
      </c>
      <c r="E156" s="124">
        <v>88</v>
      </c>
      <c r="F156" s="148">
        <v>0.42050589584622855</v>
      </c>
      <c r="G156" s="96">
        <v>0.10304457606073669</v>
      </c>
      <c r="H156" s="149">
        <v>0.35109345944691644</v>
      </c>
      <c r="I156" s="96">
        <v>9.9937595230026766E-2</v>
      </c>
      <c r="J156" s="149">
        <v>0.22840064470685587</v>
      </c>
      <c r="K156" s="96">
        <v>8.9079543984469448E-2</v>
      </c>
    </row>
    <row r="157" spans="1:45" customFormat="1">
      <c r="A157" s="44" t="s">
        <v>559</v>
      </c>
      <c r="B157" s="52">
        <v>2052</v>
      </c>
      <c r="C157" s="83">
        <v>6.758914678933734</v>
      </c>
      <c r="D157" s="84">
        <v>0.10053822245928469</v>
      </c>
      <c r="E157" s="82">
        <v>2052</v>
      </c>
      <c r="F157" s="97">
        <v>0.3674527544719956</v>
      </c>
      <c r="G157" s="93">
        <v>2.1268138158998619E-2</v>
      </c>
      <c r="H157" s="97">
        <v>0.26601994882464008</v>
      </c>
      <c r="I157" s="93">
        <v>1.9500880478593358E-2</v>
      </c>
      <c r="J157" s="97">
        <v>0.36652729670336315</v>
      </c>
      <c r="K157" s="93">
        <v>2.1256918716396629E-2</v>
      </c>
    </row>
    <row r="158" spans="1:45" customFormat="1">
      <c r="A158" s="48" t="s">
        <v>560</v>
      </c>
      <c r="B158" s="48">
        <v>1949</v>
      </c>
      <c r="C158" s="152">
        <v>6.7965192366208687</v>
      </c>
      <c r="D158" s="153">
        <v>0.10298417745789823</v>
      </c>
      <c r="E158" s="124">
        <v>1949</v>
      </c>
      <c r="F158" s="148">
        <v>0.36249566967632546</v>
      </c>
      <c r="G158" s="96">
        <v>2.1759281187445374E-2</v>
      </c>
      <c r="H158" s="149">
        <v>0.27850804968779747</v>
      </c>
      <c r="I158" s="96">
        <v>2.0296928826407736E-2</v>
      </c>
      <c r="J158" s="149">
        <v>0.35899628063587913</v>
      </c>
      <c r="K158" s="96">
        <v>2.1713552475395689E-2</v>
      </c>
    </row>
    <row r="159" spans="1:45" customFormat="1">
      <c r="A159" s="44" t="s">
        <v>368</v>
      </c>
      <c r="B159" s="52">
        <v>91</v>
      </c>
      <c r="C159" s="83">
        <v>6.7057492741663873</v>
      </c>
      <c r="D159" s="84">
        <v>0.48807489464554171</v>
      </c>
      <c r="E159" s="82">
        <v>91</v>
      </c>
      <c r="F159" s="97">
        <v>0.36938729275441262</v>
      </c>
      <c r="G159" s="93">
        <v>9.933392508341167E-2</v>
      </c>
      <c r="H159" s="97">
        <v>0.26780425825905235</v>
      </c>
      <c r="I159" s="93">
        <v>9.1887746924414232E-2</v>
      </c>
      <c r="J159" s="97">
        <v>0.36280844898653414</v>
      </c>
      <c r="K159" s="93">
        <v>9.8990713180946752E-2</v>
      </c>
    </row>
    <row r="160" spans="1:45" customFormat="1">
      <c r="A160" s="48" t="s">
        <v>150</v>
      </c>
      <c r="B160" s="48">
        <v>163</v>
      </c>
      <c r="C160" s="152">
        <v>6.9440256885861347</v>
      </c>
      <c r="D160" s="153">
        <v>0.36546328862094007</v>
      </c>
      <c r="E160" s="124">
        <v>163</v>
      </c>
      <c r="F160" s="148">
        <v>0.34491668078002169</v>
      </c>
      <c r="G160" s="96">
        <v>7.3751078655191177E-2</v>
      </c>
      <c r="H160" s="149">
        <v>0.25842589213456801</v>
      </c>
      <c r="I160" s="96">
        <v>6.8237708053607585E-2</v>
      </c>
      <c r="J160" s="149">
        <v>0.39665742708541096</v>
      </c>
      <c r="K160" s="96">
        <v>7.5791359918104415E-2</v>
      </c>
    </row>
    <row r="161" spans="1:11" customFormat="1">
      <c r="A161" s="44" t="s">
        <v>352</v>
      </c>
      <c r="B161" s="52">
        <v>60</v>
      </c>
      <c r="C161" s="83">
        <v>7.4413355488246937</v>
      </c>
      <c r="D161" s="84">
        <v>0.57723819799573284</v>
      </c>
      <c r="E161" s="82">
        <v>60</v>
      </c>
      <c r="F161" s="97">
        <v>0.2787646199806027</v>
      </c>
      <c r="G161" s="93">
        <v>0.11373814540651811</v>
      </c>
      <c r="H161" s="97">
        <v>0.21516132191845042</v>
      </c>
      <c r="I161" s="93">
        <v>0.10567983353938258</v>
      </c>
      <c r="J161" s="97">
        <v>0.50607405810094652</v>
      </c>
      <c r="K161" s="93">
        <v>0.12499189310536686</v>
      </c>
    </row>
    <row r="162" spans="1:11" customFormat="1">
      <c r="A162" s="48" t="s">
        <v>353</v>
      </c>
      <c r="B162" s="48">
        <v>78</v>
      </c>
      <c r="C162" s="152">
        <v>6.4877160785547812</v>
      </c>
      <c r="D162" s="153">
        <v>0.5508302510091343</v>
      </c>
      <c r="E162" s="124">
        <v>78</v>
      </c>
      <c r="F162" s="148">
        <v>0.44073916342503189</v>
      </c>
      <c r="G162" s="96">
        <v>0.10972747079790872</v>
      </c>
      <c r="H162" s="149">
        <v>0.21085478021184809</v>
      </c>
      <c r="I162" s="96">
        <v>9.2222605066441019E-2</v>
      </c>
      <c r="J162" s="149">
        <v>0.34840605636311955</v>
      </c>
      <c r="K162" s="96">
        <v>0.10573935156499084</v>
      </c>
    </row>
    <row r="163" spans="1:11" customFormat="1">
      <c r="A163" s="44" t="s">
        <v>369</v>
      </c>
      <c r="B163" s="150">
        <v>275</v>
      </c>
      <c r="C163" s="83">
        <v>6.8937147709457136</v>
      </c>
      <c r="D163" s="84">
        <v>0.27031042310580106</v>
      </c>
      <c r="E163" s="82">
        <v>275</v>
      </c>
      <c r="F163" s="97">
        <v>0.32725202728954861</v>
      </c>
      <c r="G163" s="93">
        <v>5.6290043129307084E-2</v>
      </c>
      <c r="H163" s="97">
        <v>0.29868741094649576</v>
      </c>
      <c r="I163" s="93">
        <v>5.4952174569063719E-2</v>
      </c>
      <c r="J163" s="97">
        <v>0.37406056176395808</v>
      </c>
      <c r="K163" s="93">
        <v>5.79940407357055E-2</v>
      </c>
    </row>
    <row r="164" spans="1:11" customFormat="1">
      <c r="A164" s="48" t="s">
        <v>354</v>
      </c>
      <c r="B164" s="151">
        <v>42</v>
      </c>
      <c r="C164" s="152">
        <v>7.0541447348184834</v>
      </c>
      <c r="D164" s="153">
        <v>0.64497018551149732</v>
      </c>
      <c r="E164" s="124">
        <v>42</v>
      </c>
      <c r="F164" s="148">
        <v>0.1973280298984105</v>
      </c>
      <c r="G164" s="96">
        <v>0.12287469852900565</v>
      </c>
      <c r="H164" s="149">
        <v>0.36355479602337049</v>
      </c>
      <c r="I164" s="96">
        <v>0.14279195051943902</v>
      </c>
      <c r="J164" s="149">
        <v>0.43911717407821904</v>
      </c>
      <c r="K164" s="96">
        <v>0.14652790210175703</v>
      </c>
    </row>
    <row r="165" spans="1:11" customFormat="1">
      <c r="A165" s="44" t="s">
        <v>355</v>
      </c>
      <c r="B165" s="82">
        <v>50</v>
      </c>
      <c r="C165" s="83">
        <v>7.0033763108325378</v>
      </c>
      <c r="D165" s="84">
        <v>0.64787654516719295</v>
      </c>
      <c r="E165" s="82">
        <v>50</v>
      </c>
      <c r="F165" s="97">
        <v>0.33511035485766116</v>
      </c>
      <c r="G165" s="93">
        <v>0.12958342428652583</v>
      </c>
      <c r="H165" s="97">
        <v>0.32289910410559658</v>
      </c>
      <c r="I165" s="93">
        <v>0.12855602660282242</v>
      </c>
      <c r="J165" s="97">
        <v>0.34199054103674231</v>
      </c>
      <c r="K165" s="93">
        <v>0.13012667076517345</v>
      </c>
    </row>
    <row r="166" spans="1:11" customFormat="1">
      <c r="A166" s="48" t="s">
        <v>356</v>
      </c>
      <c r="B166" s="151">
        <v>36</v>
      </c>
      <c r="C166" s="152">
        <v>6.2795512711798445</v>
      </c>
      <c r="D166" s="153">
        <v>0.80544137121775405</v>
      </c>
      <c r="E166" s="124">
        <v>36</v>
      </c>
      <c r="F166" s="148">
        <v>0.42980227194362203</v>
      </c>
      <c r="G166" s="96">
        <v>0.15684659574575902</v>
      </c>
      <c r="H166" s="149">
        <v>0.27249822602242441</v>
      </c>
      <c r="I166" s="96">
        <v>0.14424866852003018</v>
      </c>
      <c r="J166" s="149">
        <v>0.29769950203395351</v>
      </c>
      <c r="K166" s="96">
        <v>0.14725839599268306</v>
      </c>
    </row>
    <row r="167" spans="1:11" customFormat="1">
      <c r="A167" s="56" t="s">
        <v>357</v>
      </c>
      <c r="B167" s="150">
        <v>37</v>
      </c>
      <c r="C167" s="83">
        <v>6.9593816348548252</v>
      </c>
      <c r="D167" s="84">
        <v>0.72514735187075474</v>
      </c>
      <c r="E167" s="82">
        <v>37</v>
      </c>
      <c r="F167" s="97">
        <v>0.31052268102867281</v>
      </c>
      <c r="G167" s="93">
        <v>0.14675741701114295</v>
      </c>
      <c r="H167" s="97">
        <v>0.32175904000735822</v>
      </c>
      <c r="I167" s="93">
        <v>0.14787165278805864</v>
      </c>
      <c r="J167" s="97">
        <v>0.36771827896396908</v>
      </c>
      <c r="K167" s="93">
        <v>0.15165729206092671</v>
      </c>
    </row>
    <row r="168" spans="1:11" customFormat="1">
      <c r="A168" s="48" t="s">
        <v>358</v>
      </c>
      <c r="B168" s="151">
        <v>65</v>
      </c>
      <c r="C168" s="152">
        <v>6.6471629243779553</v>
      </c>
      <c r="D168" s="153">
        <v>0.62447508002744156</v>
      </c>
      <c r="E168" s="124">
        <v>65</v>
      </c>
      <c r="F168" s="148">
        <v>0.38023319534555733</v>
      </c>
      <c r="G168" s="96">
        <v>0.11728098053503742</v>
      </c>
      <c r="H168" s="149">
        <v>0.27246606610022672</v>
      </c>
      <c r="I168" s="96">
        <v>0.10876296201735448</v>
      </c>
      <c r="J168" s="149">
        <v>0.34730073855421573</v>
      </c>
      <c r="K168" s="96">
        <v>0.11529621663559005</v>
      </c>
    </row>
    <row r="169" spans="1:11" customFormat="1">
      <c r="A169" s="56" t="s">
        <v>359</v>
      </c>
      <c r="B169" s="150">
        <v>85</v>
      </c>
      <c r="C169" s="83">
        <v>6.9923273868257025</v>
      </c>
      <c r="D169" s="84">
        <v>0.47428372618967324</v>
      </c>
      <c r="E169" s="82">
        <v>85</v>
      </c>
      <c r="F169" s="97">
        <v>0.34294320412052104</v>
      </c>
      <c r="G169" s="93">
        <v>0.10111748222405295</v>
      </c>
      <c r="H169" s="97">
        <v>0.25706967992529361</v>
      </c>
      <c r="I169" s="93">
        <v>9.3896999235620934E-2</v>
      </c>
      <c r="J169" s="97">
        <v>0.39998711595418501</v>
      </c>
      <c r="K169" s="93">
        <v>0.10404759636710617</v>
      </c>
    </row>
    <row r="170" spans="1:11" customFormat="1">
      <c r="A170" s="48" t="s">
        <v>371</v>
      </c>
      <c r="B170" s="151">
        <v>129</v>
      </c>
      <c r="C170" s="152">
        <v>6.9172783669157809</v>
      </c>
      <c r="D170" s="153">
        <v>0.4148104856253072</v>
      </c>
      <c r="E170" s="124">
        <v>129</v>
      </c>
      <c r="F170" s="148">
        <v>0.34331588177606021</v>
      </c>
      <c r="G170" s="96">
        <v>8.2608701279380706E-2</v>
      </c>
      <c r="H170" s="149">
        <v>0.25805243350844437</v>
      </c>
      <c r="I170" s="96">
        <v>7.6567243273460428E-2</v>
      </c>
      <c r="J170" s="149">
        <v>0.39863168471549598</v>
      </c>
      <c r="K170" s="96">
        <v>8.5018042768744889E-2</v>
      </c>
    </row>
    <row r="171" spans="1:11" customFormat="1">
      <c r="A171" s="56" t="s">
        <v>360</v>
      </c>
      <c r="B171" s="150">
        <v>73</v>
      </c>
      <c r="C171" s="83">
        <v>7.0538572015886647</v>
      </c>
      <c r="D171" s="84">
        <v>0.51689612813227348</v>
      </c>
      <c r="E171" s="82">
        <v>73</v>
      </c>
      <c r="F171" s="97">
        <v>0.33721345967636041</v>
      </c>
      <c r="G171" s="93">
        <v>0.10839615205268041</v>
      </c>
      <c r="H171" s="97">
        <v>0.26842170017073247</v>
      </c>
      <c r="I171" s="93">
        <v>0.10238672861603512</v>
      </c>
      <c r="J171" s="97">
        <v>0.39436484015290768</v>
      </c>
      <c r="K171" s="93">
        <v>0.11165123210618115</v>
      </c>
    </row>
    <row r="172" spans="1:11" customFormat="1">
      <c r="A172" s="48" t="s">
        <v>370</v>
      </c>
      <c r="B172" s="151">
        <v>214</v>
      </c>
      <c r="C172" s="152">
        <v>6.8550590267039206</v>
      </c>
      <c r="D172" s="153">
        <v>0.29499933544468904</v>
      </c>
      <c r="E172" s="124">
        <v>214</v>
      </c>
      <c r="F172" s="148">
        <v>0.36424215954088751</v>
      </c>
      <c r="G172" s="96">
        <v>6.5278505828996677E-2</v>
      </c>
      <c r="H172" s="149">
        <v>0.29755944374835708</v>
      </c>
      <c r="I172" s="96">
        <v>6.2149266427146806E-2</v>
      </c>
      <c r="J172" s="149">
        <v>0.33819839671075469</v>
      </c>
      <c r="K172" s="96">
        <v>6.4220399210743254E-2</v>
      </c>
    </row>
    <row r="173" spans="1:11" customFormat="1">
      <c r="A173" s="56" t="s">
        <v>361</v>
      </c>
      <c r="B173" s="150">
        <v>88</v>
      </c>
      <c r="C173" s="83">
        <v>6.8401131496617245</v>
      </c>
      <c r="D173" s="84">
        <v>0.47577446048436639</v>
      </c>
      <c r="E173" s="82">
        <v>88</v>
      </c>
      <c r="F173" s="97">
        <v>0.39989381751212505</v>
      </c>
      <c r="G173" s="93">
        <v>0.10232752643390297</v>
      </c>
      <c r="H173" s="97">
        <v>0.27385257016926173</v>
      </c>
      <c r="I173" s="93">
        <v>9.3995339804102365E-2</v>
      </c>
      <c r="J173" s="97">
        <v>0.32625361231861333</v>
      </c>
      <c r="K173" s="93">
        <v>9.8329559818733051E-2</v>
      </c>
    </row>
    <row r="174" spans="1:11" customFormat="1">
      <c r="A174" s="48" t="s">
        <v>375</v>
      </c>
      <c r="B174" s="151">
        <v>86</v>
      </c>
      <c r="C174" s="152">
        <v>6.9820974510656395</v>
      </c>
      <c r="D174" s="153">
        <v>0.40738688499053477</v>
      </c>
      <c r="E174" s="124">
        <v>86</v>
      </c>
      <c r="F174" s="148">
        <v>0.31668212080941538</v>
      </c>
      <c r="G174" s="96">
        <v>9.8728657259314706E-2</v>
      </c>
      <c r="H174" s="149">
        <v>0.33432959904250048</v>
      </c>
      <c r="I174" s="96">
        <v>9.9986400769453213E-2</v>
      </c>
      <c r="J174" s="149">
        <v>0.34898828014808381</v>
      </c>
      <c r="K174" s="96">
        <v>0.10092406048202333</v>
      </c>
    </row>
    <row r="175" spans="1:11" customFormat="1">
      <c r="A175" s="56" t="s">
        <v>358</v>
      </c>
      <c r="B175" s="150">
        <v>65</v>
      </c>
      <c r="C175" s="83">
        <v>6.6471629243779553</v>
      </c>
      <c r="D175" s="84">
        <v>0.62447508002744156</v>
      </c>
      <c r="E175" s="82">
        <v>65</v>
      </c>
      <c r="F175" s="97">
        <v>0.38023319534555733</v>
      </c>
      <c r="G175" s="93">
        <v>0.11728098053503742</v>
      </c>
      <c r="H175" s="97">
        <v>0.27246606610022672</v>
      </c>
      <c r="I175" s="93">
        <v>0.10876296201735448</v>
      </c>
      <c r="J175" s="97">
        <v>0.34730073855421573</v>
      </c>
      <c r="K175" s="93">
        <v>0.11529621663559005</v>
      </c>
    </row>
    <row r="176" spans="1:11" s="245" customFormat="1">
      <c r="A176" s="238"/>
      <c r="B176" s="239"/>
      <c r="C176" s="240"/>
      <c r="D176" s="241"/>
      <c r="E176" s="242"/>
      <c r="F176" s="243"/>
      <c r="G176" s="244"/>
      <c r="H176" s="243"/>
      <c r="I176" s="244"/>
    </row>
    <row r="177" spans="1:22" customFormat="1" ht="18.75">
      <c r="A177" s="340" t="s">
        <v>250</v>
      </c>
      <c r="B177" s="340"/>
      <c r="C177" s="340"/>
      <c r="D177" s="340"/>
      <c r="E177" s="340"/>
      <c r="F177" s="340"/>
      <c r="G177" s="340"/>
      <c r="H177" s="340"/>
      <c r="I177" s="340"/>
      <c r="J177" s="340"/>
      <c r="K177" s="340"/>
      <c r="L177" s="340"/>
      <c r="M177" s="340"/>
      <c r="N177" s="340"/>
      <c r="O177" s="340"/>
      <c r="P177" s="340"/>
      <c r="Q177" s="340"/>
      <c r="R177" s="340"/>
      <c r="S177" s="340"/>
      <c r="T177" s="340"/>
      <c r="U177" s="340"/>
      <c r="V177" s="340"/>
    </row>
    <row r="178" spans="1:22" customFormat="1" ht="80.25" customHeight="1">
      <c r="A178" s="345" t="s">
        <v>586</v>
      </c>
      <c r="B178" s="345"/>
      <c r="C178" s="345"/>
      <c r="D178" s="345"/>
      <c r="E178" s="345"/>
      <c r="F178" s="345"/>
      <c r="G178" s="345"/>
      <c r="H178" s="345"/>
      <c r="I178" s="345"/>
      <c r="J178" s="345"/>
      <c r="K178" s="345"/>
      <c r="L178" s="345"/>
      <c r="M178" s="345"/>
      <c r="N178" s="345"/>
      <c r="O178" s="345"/>
      <c r="P178" s="345"/>
      <c r="Q178" s="345"/>
      <c r="R178" s="345"/>
      <c r="S178" s="345"/>
      <c r="T178" s="345"/>
      <c r="U178" s="345"/>
      <c r="V178" s="345"/>
    </row>
    <row r="179" spans="1:22" customFormat="1" ht="15.75">
      <c r="A179" s="304"/>
      <c r="B179" s="346" t="s">
        <v>286</v>
      </c>
      <c r="C179" s="346"/>
      <c r="D179" s="346"/>
      <c r="E179" s="346"/>
      <c r="F179" s="346"/>
      <c r="G179" s="346"/>
      <c r="H179" s="346"/>
      <c r="I179" s="346" t="s">
        <v>287</v>
      </c>
      <c r="J179" s="346"/>
      <c r="K179" s="346"/>
      <c r="L179" s="346"/>
      <c r="M179" s="346"/>
      <c r="N179" s="346"/>
      <c r="O179" s="346"/>
      <c r="P179" s="346" t="s">
        <v>288</v>
      </c>
      <c r="Q179" s="346"/>
      <c r="R179" s="346"/>
      <c r="S179" s="346"/>
      <c r="T179" s="346"/>
      <c r="U179" s="346"/>
      <c r="V179" s="346"/>
    </row>
    <row r="180" spans="1:22" customFormat="1" ht="72">
      <c r="A180" s="36" t="s">
        <v>70</v>
      </c>
      <c r="B180" s="37" t="s">
        <v>71</v>
      </c>
      <c r="C180" s="37" t="s">
        <v>251</v>
      </c>
      <c r="D180" s="88" t="s">
        <v>254</v>
      </c>
      <c r="E180" s="37" t="s">
        <v>253</v>
      </c>
      <c r="F180" s="88" t="s">
        <v>255</v>
      </c>
      <c r="G180" s="37" t="s">
        <v>252</v>
      </c>
      <c r="H180" s="88" t="s">
        <v>256</v>
      </c>
      <c r="I180" s="64" t="s">
        <v>71</v>
      </c>
      <c r="J180" s="64" t="s">
        <v>257</v>
      </c>
      <c r="K180" s="87" t="s">
        <v>258</v>
      </c>
      <c r="L180" s="64" t="s">
        <v>259</v>
      </c>
      <c r="M180" s="87" t="s">
        <v>260</v>
      </c>
      <c r="N180" s="64" t="s">
        <v>261</v>
      </c>
      <c r="O180" s="87" t="s">
        <v>262</v>
      </c>
      <c r="P180" s="37" t="s">
        <v>71</v>
      </c>
      <c r="Q180" s="37" t="s">
        <v>263</v>
      </c>
      <c r="R180" s="88" t="s">
        <v>264</v>
      </c>
      <c r="S180" s="37" t="s">
        <v>265</v>
      </c>
      <c r="T180" s="88" t="s">
        <v>266</v>
      </c>
      <c r="U180" s="37" t="s">
        <v>267</v>
      </c>
      <c r="V180" s="88" t="s">
        <v>268</v>
      </c>
    </row>
    <row r="181" spans="1:22" customFormat="1" ht="60">
      <c r="A181" s="40"/>
      <c r="B181" s="41" t="s">
        <v>73</v>
      </c>
      <c r="C181" s="41" t="s">
        <v>474</v>
      </c>
      <c r="D181" s="90" t="s">
        <v>87</v>
      </c>
      <c r="E181" s="41" t="s">
        <v>475</v>
      </c>
      <c r="F181" s="90" t="s">
        <v>87</v>
      </c>
      <c r="G181" s="41" t="s">
        <v>476</v>
      </c>
      <c r="H181" s="90" t="s">
        <v>87</v>
      </c>
      <c r="I181" s="67" t="s">
        <v>73</v>
      </c>
      <c r="J181" s="67" t="s">
        <v>474</v>
      </c>
      <c r="K181" s="89" t="s">
        <v>87</v>
      </c>
      <c r="L181" s="67" t="s">
        <v>475</v>
      </c>
      <c r="M181" s="89" t="s">
        <v>87</v>
      </c>
      <c r="N181" s="67" t="s">
        <v>476</v>
      </c>
      <c r="O181" s="89" t="s">
        <v>87</v>
      </c>
      <c r="P181" s="41" t="s">
        <v>73</v>
      </c>
      <c r="Q181" s="41" t="s">
        <v>474</v>
      </c>
      <c r="R181" s="90" t="s">
        <v>87</v>
      </c>
      <c r="S181" s="41" t="s">
        <v>475</v>
      </c>
      <c r="T181" s="90" t="s">
        <v>87</v>
      </c>
      <c r="U181" s="41" t="s">
        <v>476</v>
      </c>
      <c r="V181" s="90" t="s">
        <v>87</v>
      </c>
    </row>
    <row r="182" spans="1:22" customFormat="1">
      <c r="A182" s="44" t="s">
        <v>349</v>
      </c>
      <c r="B182" s="82">
        <v>6503</v>
      </c>
      <c r="C182" s="97">
        <v>0.3578131136007402</v>
      </c>
      <c r="D182" s="93">
        <v>1.1885622044660829E-2</v>
      </c>
      <c r="E182" s="97">
        <v>0.36015068119094584</v>
      </c>
      <c r="F182" s="93">
        <v>1.1902637808332206E-2</v>
      </c>
      <c r="G182" s="97">
        <v>0.28203620520831146</v>
      </c>
      <c r="H182" s="93">
        <v>1.1158502205965213E-2</v>
      </c>
      <c r="I182" s="82">
        <v>6432</v>
      </c>
      <c r="J182" s="97">
        <v>0.7641493206723452</v>
      </c>
      <c r="K182" s="93">
        <v>1.0586053895400674E-2</v>
      </c>
      <c r="L182" s="97">
        <v>0.16459306922831163</v>
      </c>
      <c r="M182" s="93">
        <v>9.2490566270787677E-3</v>
      </c>
      <c r="N182" s="97">
        <v>7.1257610099335469E-2</v>
      </c>
      <c r="O182" s="93">
        <v>6.4244126283592648E-3</v>
      </c>
      <c r="P182" s="82">
        <v>6443</v>
      </c>
      <c r="Q182" s="97">
        <v>0.86899939414504301</v>
      </c>
      <c r="R182" s="93">
        <v>8.4104551550967434E-3</v>
      </c>
      <c r="S182" s="97">
        <v>8.4255579390456817E-2</v>
      </c>
      <c r="T182" s="93">
        <v>6.9285161849068598E-3</v>
      </c>
      <c r="U182" s="97">
        <v>4.6745026464494438E-2</v>
      </c>
      <c r="V182" s="93">
        <v>5.2730487261278686E-3</v>
      </c>
    </row>
    <row r="183" spans="1:22" customFormat="1">
      <c r="A183" s="48" t="s">
        <v>350</v>
      </c>
      <c r="B183" s="156">
        <v>5959</v>
      </c>
      <c r="C183" s="160">
        <v>0.36301915716143268</v>
      </c>
      <c r="D183" s="96">
        <v>1.245515622281324E-2</v>
      </c>
      <c r="E183" s="160">
        <v>0.35211328834267452</v>
      </c>
      <c r="F183" s="96">
        <v>1.2371326041896037E-2</v>
      </c>
      <c r="G183" s="160">
        <v>0.2848675544958999</v>
      </c>
      <c r="H183" s="96">
        <v>1.1691721960768727E-2</v>
      </c>
      <c r="I183" s="156">
        <v>5891</v>
      </c>
      <c r="J183" s="160">
        <v>0.75784562269809086</v>
      </c>
      <c r="K183" s="96">
        <v>1.1161725130409915E-2</v>
      </c>
      <c r="L183" s="160">
        <v>0.16861212839374917</v>
      </c>
      <c r="M183" s="96">
        <v>9.7580939178185232E-3</v>
      </c>
      <c r="N183" s="160">
        <v>7.3542248908162397E-2</v>
      </c>
      <c r="O183" s="96">
        <v>6.8116803447185598E-3</v>
      </c>
      <c r="P183" s="156">
        <v>5900</v>
      </c>
      <c r="Q183" s="160">
        <v>0.86603586133162525</v>
      </c>
      <c r="R183" s="96">
        <v>8.87275428612261E-3</v>
      </c>
      <c r="S183" s="160">
        <v>8.4560147297164101E-2</v>
      </c>
      <c r="T183" s="96">
        <v>7.252861864868951E-3</v>
      </c>
      <c r="U183" s="160">
        <v>4.9403991371211937E-2</v>
      </c>
      <c r="V183" s="96">
        <v>5.6572291914456481E-3</v>
      </c>
    </row>
    <row r="184" spans="1:22" customFormat="1">
      <c r="A184" s="44" t="s">
        <v>351</v>
      </c>
      <c r="B184" s="82">
        <v>544</v>
      </c>
      <c r="C184" s="97">
        <v>0.34092582225704426</v>
      </c>
      <c r="D184" s="93">
        <v>4.0531457360053626E-2</v>
      </c>
      <c r="E184" s="97">
        <v>0.38622226378342661</v>
      </c>
      <c r="F184" s="93">
        <v>4.1613701471487928E-2</v>
      </c>
      <c r="G184" s="97">
        <v>0.27285191395952757</v>
      </c>
      <c r="H184" s="93">
        <v>3.8127162182492569E-2</v>
      </c>
      <c r="I184" s="82">
        <v>541</v>
      </c>
      <c r="J184" s="97">
        <v>0.78443943074302636</v>
      </c>
      <c r="K184" s="93">
        <v>3.5351701874865166E-2</v>
      </c>
      <c r="L184" s="97">
        <v>0.15165667012096176</v>
      </c>
      <c r="M184" s="93">
        <v>3.0940199300461931E-2</v>
      </c>
      <c r="N184" s="97">
        <v>6.3903899136010911E-2</v>
      </c>
      <c r="O184" s="93">
        <v>2.1435044019019314E-2</v>
      </c>
      <c r="P184" s="82">
        <v>543</v>
      </c>
      <c r="Q184" s="97">
        <v>0.87850619510786099</v>
      </c>
      <c r="R184" s="93">
        <v>2.8209287162697199E-2</v>
      </c>
      <c r="S184" s="97">
        <v>8.3278547364490668E-2</v>
      </c>
      <c r="T184" s="93">
        <v>2.4016099820241124E-2</v>
      </c>
      <c r="U184" s="97">
        <v>3.8215257527648129E-2</v>
      </c>
      <c r="V184" s="93">
        <v>1.7073281670986422E-2</v>
      </c>
    </row>
    <row r="185" spans="1:22" customFormat="1">
      <c r="A185" s="48" t="s">
        <v>558</v>
      </c>
      <c r="B185" s="156">
        <v>88</v>
      </c>
      <c r="C185" s="160">
        <v>0.32277415008433502</v>
      </c>
      <c r="D185" s="96">
        <v>9.8082228453131304E-2</v>
      </c>
      <c r="E185" s="160">
        <v>0.49975904980934338</v>
      </c>
      <c r="F185" s="96">
        <v>0.10425719595260378</v>
      </c>
      <c r="G185" s="160">
        <v>0.1774668001063224</v>
      </c>
      <c r="H185" s="96">
        <v>8.2044942411479277E-2</v>
      </c>
      <c r="I185" s="156">
        <v>88</v>
      </c>
      <c r="J185" s="160">
        <v>0.6736249289000048</v>
      </c>
      <c r="K185" s="96">
        <v>9.833809380208576E-2</v>
      </c>
      <c r="L185" s="160">
        <v>0.26310995948440818</v>
      </c>
      <c r="M185" s="96">
        <v>9.2936808195123566E-2</v>
      </c>
      <c r="N185" s="160">
        <v>6.3265111615587302E-2</v>
      </c>
      <c r="O185" s="96">
        <v>5.7289475767092264E-2</v>
      </c>
      <c r="P185" s="156">
        <v>88</v>
      </c>
      <c r="Q185" s="160">
        <v>0.87336722042719528</v>
      </c>
      <c r="R185" s="96">
        <v>7.2966759521426908E-2</v>
      </c>
      <c r="S185" s="160">
        <v>7.449381805978085E-2</v>
      </c>
      <c r="T185" s="96">
        <v>6.055762137531346E-2</v>
      </c>
      <c r="U185" s="160">
        <v>5.2138961513024162E-2</v>
      </c>
      <c r="V185" s="96">
        <v>5.3763984790995409E-2</v>
      </c>
    </row>
    <row r="186" spans="1:22" customFormat="1">
      <c r="A186" s="44" t="s">
        <v>559</v>
      </c>
      <c r="B186" s="82">
        <v>2064</v>
      </c>
      <c r="C186" s="97">
        <v>0.35046216026092658</v>
      </c>
      <c r="D186" s="93">
        <v>2.0987463141577987E-2</v>
      </c>
      <c r="E186" s="97">
        <v>0.36622299394142727</v>
      </c>
      <c r="F186" s="93">
        <v>2.1191440052319321E-2</v>
      </c>
      <c r="G186" s="97">
        <v>0.28331484579764504</v>
      </c>
      <c r="H186" s="93">
        <v>1.9826569250662472E-2</v>
      </c>
      <c r="I186" s="82">
        <v>2038</v>
      </c>
      <c r="J186" s="97">
        <v>0.75550294493050341</v>
      </c>
      <c r="K186" s="93">
        <v>1.9035188342986033E-2</v>
      </c>
      <c r="L186" s="97">
        <v>0.1690465165489588</v>
      </c>
      <c r="M186" s="93">
        <v>1.6613276085505408E-2</v>
      </c>
      <c r="N186" s="97">
        <v>7.5450538520536223E-2</v>
      </c>
      <c r="O186" s="93">
        <v>1.1748524251963179E-2</v>
      </c>
      <c r="P186" s="82">
        <v>2042</v>
      </c>
      <c r="Q186" s="97">
        <v>0.85996525555661862</v>
      </c>
      <c r="R186" s="93">
        <v>1.537610380174222E-2</v>
      </c>
      <c r="S186" s="97">
        <v>9.0255651777639528E-2</v>
      </c>
      <c r="T186" s="93">
        <v>1.2720423343077929E-2</v>
      </c>
      <c r="U186" s="97">
        <v>4.9779092665740959E-2</v>
      </c>
      <c r="V186" s="93">
        <v>9.6965620864400675E-3</v>
      </c>
    </row>
    <row r="187" spans="1:22" customFormat="1">
      <c r="A187" s="48" t="s">
        <v>560</v>
      </c>
      <c r="B187" s="156">
        <v>1962</v>
      </c>
      <c r="C187" s="160">
        <v>0.35432603455743783</v>
      </c>
      <c r="D187" s="96">
        <v>2.1578848746097078E-2</v>
      </c>
      <c r="E187" s="160">
        <v>0.34940224146177562</v>
      </c>
      <c r="F187" s="96">
        <v>2.1510247805848325E-2</v>
      </c>
      <c r="G187" s="160">
        <v>0.29627172398078855</v>
      </c>
      <c r="H187" s="96">
        <v>2.0604472138653396E-2</v>
      </c>
      <c r="I187" s="156">
        <v>1935</v>
      </c>
      <c r="J187" s="160">
        <v>0.75135146407502196</v>
      </c>
      <c r="K187" s="96">
        <v>1.9645272624928517E-2</v>
      </c>
      <c r="L187" s="160">
        <v>0.17319453176655711</v>
      </c>
      <c r="M187" s="96">
        <v>1.7213783556419428E-2</v>
      </c>
      <c r="N187" s="160">
        <v>7.545400415842124E-2</v>
      </c>
      <c r="O187" s="96">
        <v>1.2059981479632319E-2</v>
      </c>
      <c r="P187" s="156">
        <v>1940</v>
      </c>
      <c r="Q187" s="160">
        <v>0.85381873842394751</v>
      </c>
      <c r="R187" s="96">
        <v>1.6058467379342745E-2</v>
      </c>
      <c r="S187" s="160">
        <v>9.6355371645121035E-2</v>
      </c>
      <c r="T187" s="96">
        <v>1.343639289441812E-2</v>
      </c>
      <c r="U187" s="160">
        <v>4.9825889930931774E-2</v>
      </c>
      <c r="V187" s="96">
        <v>9.9563234379929592E-3</v>
      </c>
    </row>
    <row r="188" spans="1:22" customFormat="1">
      <c r="A188" s="44" t="s">
        <v>368</v>
      </c>
      <c r="B188" s="82">
        <v>91</v>
      </c>
      <c r="C188" s="97">
        <v>0.40368902493153896</v>
      </c>
      <c r="D188" s="93">
        <v>0.10083626577624721</v>
      </c>
      <c r="E188" s="97">
        <v>0.35053189543840224</v>
      </c>
      <c r="F188" s="93">
        <v>9.8301577268531407E-2</v>
      </c>
      <c r="G188" s="97">
        <v>0.24577907963005796</v>
      </c>
      <c r="H188" s="93">
        <v>8.960721972023579E-2</v>
      </c>
      <c r="I188" s="82">
        <v>91</v>
      </c>
      <c r="J188" s="97">
        <v>0.74674751300487785</v>
      </c>
      <c r="K188" s="93">
        <v>9.0410718448816138E-2</v>
      </c>
      <c r="L188" s="97">
        <v>0.17571695688254466</v>
      </c>
      <c r="M188" s="93">
        <v>8.0396284747605143E-2</v>
      </c>
      <c r="N188" s="97">
        <v>7.7535530112576995E-2</v>
      </c>
      <c r="O188" s="93">
        <v>6.0258019480884092E-2</v>
      </c>
      <c r="P188" s="82">
        <v>91</v>
      </c>
      <c r="Q188" s="97">
        <v>0.81447184531466577</v>
      </c>
      <c r="R188" s="93">
        <v>8.1888224078594071E-2</v>
      </c>
      <c r="S188" s="97">
        <v>0.12510786543029609</v>
      </c>
      <c r="T188" s="93">
        <v>7.1389817068218162E-2</v>
      </c>
      <c r="U188" s="97">
        <v>6.0420289255037687E-2</v>
      </c>
      <c r="V188" s="93">
        <v>5.5326451666786035E-2</v>
      </c>
    </row>
    <row r="189" spans="1:22" customFormat="1">
      <c r="A189" s="48" t="s">
        <v>150</v>
      </c>
      <c r="B189" s="156">
        <v>164</v>
      </c>
      <c r="C189" s="160">
        <v>0.31973855328267436</v>
      </c>
      <c r="D189" s="96">
        <v>7.2215737044136238E-2</v>
      </c>
      <c r="E189" s="160">
        <v>0.31859716403450783</v>
      </c>
      <c r="F189" s="96">
        <v>7.2150859780924781E-2</v>
      </c>
      <c r="G189" s="160">
        <v>0.36166428268281836</v>
      </c>
      <c r="H189" s="96">
        <v>7.4284468606681656E-2</v>
      </c>
      <c r="I189" s="156">
        <v>161</v>
      </c>
      <c r="J189" s="160">
        <v>0.69042763113252004</v>
      </c>
      <c r="K189" s="96">
        <v>7.2274593645878835E-2</v>
      </c>
      <c r="L189" s="160">
        <v>0.23759470852822737</v>
      </c>
      <c r="M189" s="96">
        <v>6.6867847076055878E-2</v>
      </c>
      <c r="N189" s="160">
        <v>7.1977660339253249E-2</v>
      </c>
      <c r="O189" s="96">
        <v>4.2802374570235058E-2</v>
      </c>
      <c r="P189" s="156">
        <v>163</v>
      </c>
      <c r="Q189" s="160">
        <v>0.82879274602377717</v>
      </c>
      <c r="R189" s="96">
        <v>5.9340078855144147E-2</v>
      </c>
      <c r="S189" s="160">
        <v>0.11212500812512941</v>
      </c>
      <c r="T189" s="96">
        <v>5.0547593309378885E-2</v>
      </c>
      <c r="U189" s="160">
        <v>5.9082245851093507E-2</v>
      </c>
      <c r="V189" s="96">
        <v>3.9394513670234652E-2</v>
      </c>
    </row>
    <row r="190" spans="1:22" customFormat="1">
      <c r="A190" s="44" t="s">
        <v>352</v>
      </c>
      <c r="B190" s="82">
        <v>60</v>
      </c>
      <c r="C190" s="97">
        <v>0.23601731148118488</v>
      </c>
      <c r="D190" s="93">
        <v>0.10861393308003819</v>
      </c>
      <c r="E190" s="97">
        <v>0.36396274931232769</v>
      </c>
      <c r="F190" s="93">
        <v>0.12086532886282358</v>
      </c>
      <c r="G190" s="97">
        <v>0.40001993920648693</v>
      </c>
      <c r="H190" s="93">
        <v>0.12278396731892864</v>
      </c>
      <c r="I190" s="82">
        <v>60</v>
      </c>
      <c r="J190" s="97">
        <v>0.74467309221007194</v>
      </c>
      <c r="K190" s="93">
        <v>0.11106989518233895</v>
      </c>
      <c r="L190" s="97">
        <v>0.20004373301111944</v>
      </c>
      <c r="M190" s="93">
        <v>0.10335663323811978</v>
      </c>
      <c r="N190" s="97">
        <v>5.5283174778808487E-2</v>
      </c>
      <c r="O190" s="93">
        <v>6.9000011865881644E-2</v>
      </c>
      <c r="P190" s="82">
        <v>61</v>
      </c>
      <c r="Q190" s="97">
        <v>0.92729960139299239</v>
      </c>
      <c r="R190" s="93">
        <v>7.4087515175201762E-2</v>
      </c>
      <c r="S190" s="97">
        <v>1.5456699902909578E-2</v>
      </c>
      <c r="T190" s="93">
        <v>5.1575155754264267E-2</v>
      </c>
      <c r="U190" s="97">
        <v>5.724369870409788E-2</v>
      </c>
      <c r="V190" s="93">
        <v>6.8993484469448724E-2</v>
      </c>
    </row>
    <row r="191" spans="1:22" customFormat="1">
      <c r="A191" s="48" t="s">
        <v>353</v>
      </c>
      <c r="B191" s="156">
        <v>78</v>
      </c>
      <c r="C191" s="160">
        <v>0.41884606759211868</v>
      </c>
      <c r="D191" s="96">
        <v>0.10910744323713101</v>
      </c>
      <c r="E191" s="160">
        <v>0.29269434901261793</v>
      </c>
      <c r="F191" s="96">
        <v>0.10148046782621156</v>
      </c>
      <c r="G191" s="160">
        <v>0.28845958339526279</v>
      </c>
      <c r="H191" s="96">
        <v>0.10109400587614802</v>
      </c>
      <c r="I191" s="156">
        <v>76</v>
      </c>
      <c r="J191" s="160">
        <v>0.67034639134394869</v>
      </c>
      <c r="K191" s="96">
        <v>0.10578547904317376</v>
      </c>
      <c r="L191" s="160">
        <v>0.26511747253812162</v>
      </c>
      <c r="M191" s="96">
        <v>0.10005229981353271</v>
      </c>
      <c r="N191" s="160">
        <v>6.4536136117929549E-2</v>
      </c>
      <c r="O191" s="96">
        <v>6.2793323285895652E-2</v>
      </c>
      <c r="P191" s="156">
        <v>77</v>
      </c>
      <c r="Q191" s="160">
        <v>0.74681939893735172</v>
      </c>
      <c r="R191" s="96">
        <v>9.8117690469904748E-2</v>
      </c>
      <c r="S191" s="160">
        <v>0.22074043674600369</v>
      </c>
      <c r="T191" s="96">
        <v>9.4156745403134443E-2</v>
      </c>
      <c r="U191" s="160">
        <v>3.2440164316644392E-2</v>
      </c>
      <c r="V191" s="96">
        <v>5.0891319314021084E-2</v>
      </c>
    </row>
    <row r="192" spans="1:22" customFormat="1">
      <c r="A192" s="44" t="s">
        <v>369</v>
      </c>
      <c r="B192" s="82">
        <v>277</v>
      </c>
      <c r="C192" s="97">
        <v>0.33760191870920314</v>
      </c>
      <c r="D192" s="93">
        <v>5.6514710810631093E-2</v>
      </c>
      <c r="E192" s="97">
        <v>0.36007931152785444</v>
      </c>
      <c r="F192" s="93">
        <v>5.7340291451440657E-2</v>
      </c>
      <c r="G192" s="97">
        <v>0.30231876976294481</v>
      </c>
      <c r="H192" s="93">
        <v>5.4937913839590159E-2</v>
      </c>
      <c r="I192" s="82">
        <v>269</v>
      </c>
      <c r="J192" s="97">
        <v>0.79453140996334981</v>
      </c>
      <c r="K192" s="93">
        <v>4.9284211730840889E-2</v>
      </c>
      <c r="L192" s="97">
        <v>0.12115823365695073</v>
      </c>
      <c r="M192" s="93">
        <v>4.0265392624149188E-2</v>
      </c>
      <c r="N192" s="97">
        <v>8.4310356379700788E-2</v>
      </c>
      <c r="O192" s="93">
        <v>3.4710460744285056E-2</v>
      </c>
      <c r="P192" s="82">
        <v>274</v>
      </c>
      <c r="Q192" s="97">
        <v>0.85376825792212974</v>
      </c>
      <c r="R192" s="93">
        <v>4.2986296207031476E-2</v>
      </c>
      <c r="S192" s="97">
        <v>7.2494316507726933E-2</v>
      </c>
      <c r="T192" s="93">
        <v>3.2289242769018137E-2</v>
      </c>
      <c r="U192" s="97">
        <v>7.3737425570145246E-2</v>
      </c>
      <c r="V192" s="93">
        <v>3.2518145747907429E-2</v>
      </c>
    </row>
    <row r="193" spans="1:22" customFormat="1">
      <c r="A193" s="48" t="s">
        <v>354</v>
      </c>
      <c r="B193" s="156">
        <v>42</v>
      </c>
      <c r="C193" s="160">
        <v>0.35524138070668448</v>
      </c>
      <c r="D193" s="96">
        <v>0.14219730618311674</v>
      </c>
      <c r="E193" s="160">
        <v>0.37909111571815834</v>
      </c>
      <c r="F193" s="96">
        <v>0.14380328620072227</v>
      </c>
      <c r="G193" s="160">
        <v>0.26566750357515728</v>
      </c>
      <c r="H193" s="96">
        <v>0.13326108202144288</v>
      </c>
      <c r="I193" s="156">
        <v>40</v>
      </c>
      <c r="J193" s="160">
        <v>0.87481961174784217</v>
      </c>
      <c r="K193" s="96">
        <v>0.110327106923473</v>
      </c>
      <c r="L193" s="160">
        <v>6.4336870765080892E-2</v>
      </c>
      <c r="M193" s="96">
        <v>9.2017065441551069E-2</v>
      </c>
      <c r="N193" s="160">
        <v>6.0843517487077114E-2</v>
      </c>
      <c r="O193" s="96">
        <v>9.0760864227637364E-2</v>
      </c>
      <c r="P193" s="156">
        <v>42</v>
      </c>
      <c r="Q193" s="160">
        <v>0.93670802262401898</v>
      </c>
      <c r="R193" s="96">
        <v>8.8960991053426947E-2</v>
      </c>
      <c r="S193" s="160">
        <v>5.2586252588201409E-3</v>
      </c>
      <c r="T193" s="96">
        <v>6.3210272420085839E-2</v>
      </c>
      <c r="U193" s="160">
        <v>5.8033352117160986E-2</v>
      </c>
      <c r="V193" s="96">
        <v>8.7058048134094068E-2</v>
      </c>
    </row>
    <row r="194" spans="1:22" customFormat="1">
      <c r="A194" s="44" t="s">
        <v>355</v>
      </c>
      <c r="B194" s="82">
        <v>50</v>
      </c>
      <c r="C194" s="97">
        <v>0.35602513715826567</v>
      </c>
      <c r="D194" s="93">
        <v>0.13115679855191545</v>
      </c>
      <c r="E194" s="97">
        <v>0.350029587820682</v>
      </c>
      <c r="F194" s="93">
        <v>0.13072943102251322</v>
      </c>
      <c r="G194" s="97">
        <v>0.29394527502105228</v>
      </c>
      <c r="H194" s="93">
        <v>0.12578601379602072</v>
      </c>
      <c r="I194" s="82">
        <v>49</v>
      </c>
      <c r="J194" s="97">
        <v>0.84758540575035779</v>
      </c>
      <c r="K194" s="93">
        <v>0.10523380684330347</v>
      </c>
      <c r="L194" s="97">
        <v>0.12521983764000455</v>
      </c>
      <c r="M194" s="93">
        <v>9.9029748563384937E-2</v>
      </c>
      <c r="N194" s="97">
        <v>2.7194756609637501E-2</v>
      </c>
      <c r="O194" s="93">
        <v>6.6686824695756611E-2</v>
      </c>
      <c r="P194" s="82">
        <v>49</v>
      </c>
      <c r="Q194" s="97">
        <v>0.89220627980417111</v>
      </c>
      <c r="R194" s="93">
        <v>9.4576326192936253E-2</v>
      </c>
      <c r="S194" s="97">
        <v>1.7539057757625206E-2</v>
      </c>
      <c r="T194" s="93">
        <v>6.2065377515884652E-2</v>
      </c>
      <c r="U194" s="97">
        <v>9.0254662438203542E-2</v>
      </c>
      <c r="V194" s="93">
        <v>8.9651117439709133E-2</v>
      </c>
    </row>
    <row r="195" spans="1:22" customFormat="1">
      <c r="A195" s="48" t="s">
        <v>356</v>
      </c>
      <c r="B195" s="156">
        <v>37</v>
      </c>
      <c r="C195" s="160">
        <v>0.42433443940588789</v>
      </c>
      <c r="D195" s="96">
        <v>0.15471054204701215</v>
      </c>
      <c r="E195" s="160">
        <v>0.20576395121543956</v>
      </c>
      <c r="F195" s="96">
        <v>0.13233135417954159</v>
      </c>
      <c r="G195" s="160">
        <v>0.36990160937867245</v>
      </c>
      <c r="H195" s="96">
        <v>0.15180727927930313</v>
      </c>
      <c r="I195" s="156">
        <v>36</v>
      </c>
      <c r="J195" s="160">
        <v>0.66354742296027469</v>
      </c>
      <c r="K195" s="96">
        <v>0.15110735083339691</v>
      </c>
      <c r="L195" s="160">
        <v>0.176027399135401</v>
      </c>
      <c r="M195" s="96">
        <v>0.12844602782885581</v>
      </c>
      <c r="N195" s="160">
        <v>0.16042517790432409</v>
      </c>
      <c r="O195" s="96">
        <v>0.12513913918552377</v>
      </c>
      <c r="P195" s="156">
        <v>36</v>
      </c>
      <c r="Q195" s="160">
        <v>0.81040109811312544</v>
      </c>
      <c r="R195" s="96">
        <v>0.13113254295369794</v>
      </c>
      <c r="S195" s="160">
        <v>7.944269779372766E-2</v>
      </c>
      <c r="T195" s="96">
        <v>0.10331338732439059</v>
      </c>
      <c r="U195" s="160">
        <v>0.11015620409314671</v>
      </c>
      <c r="V195" s="96">
        <v>0.11264886594292814</v>
      </c>
    </row>
    <row r="196" spans="1:22" customFormat="1">
      <c r="A196" s="56" t="s">
        <v>357</v>
      </c>
      <c r="B196" s="82">
        <v>37</v>
      </c>
      <c r="C196" s="97">
        <v>0.32860934485151866</v>
      </c>
      <c r="D196" s="93">
        <v>0.1485137129263201</v>
      </c>
      <c r="E196" s="97">
        <v>0.34560859023983215</v>
      </c>
      <c r="F196" s="93">
        <v>0.14998779665469311</v>
      </c>
      <c r="G196" s="97">
        <v>0.32578206490864936</v>
      </c>
      <c r="H196" s="93">
        <v>0.14825210473764303</v>
      </c>
      <c r="I196" s="82">
        <v>37</v>
      </c>
      <c r="J196" s="97">
        <v>0.81046395723844211</v>
      </c>
      <c r="K196" s="93">
        <v>0.12935188786584878</v>
      </c>
      <c r="L196" s="97">
        <v>8.6064556649999832E-2</v>
      </c>
      <c r="M196" s="93">
        <v>0.10380999463042238</v>
      </c>
      <c r="N196" s="97">
        <v>0.10347148611155807</v>
      </c>
      <c r="O196" s="93">
        <v>0.10907528246296883</v>
      </c>
      <c r="P196" s="82">
        <v>37</v>
      </c>
      <c r="Q196" s="97">
        <v>0.80174376391485269</v>
      </c>
      <c r="R196" s="93">
        <v>0.13098121164556831</v>
      </c>
      <c r="S196" s="97">
        <v>0.12721737417831921</v>
      </c>
      <c r="T196" s="93">
        <v>0.11553730134909612</v>
      </c>
      <c r="U196" s="97">
        <v>7.1038861906828121E-2</v>
      </c>
      <c r="V196" s="93">
        <v>9.8844476951487056E-2</v>
      </c>
    </row>
    <row r="197" spans="1:22" customFormat="1">
      <c r="A197" s="48" t="s">
        <v>358</v>
      </c>
      <c r="B197" s="156">
        <v>66</v>
      </c>
      <c r="C197" s="160">
        <v>0.35198632218902404</v>
      </c>
      <c r="D197" s="96">
        <v>0.11477286680416844</v>
      </c>
      <c r="E197" s="160">
        <v>0.41246842529566741</v>
      </c>
      <c r="F197" s="96">
        <v>0.11788343806898198</v>
      </c>
      <c r="G197" s="160">
        <v>0.23554525251530825</v>
      </c>
      <c r="H197" s="96">
        <v>0.10360034324250079</v>
      </c>
      <c r="I197" s="156">
        <v>65</v>
      </c>
      <c r="J197" s="160">
        <v>0.75515427817378578</v>
      </c>
      <c r="K197" s="96">
        <v>0.10556288325478899</v>
      </c>
      <c r="L197" s="160">
        <v>0.14620167631729691</v>
      </c>
      <c r="M197" s="96">
        <v>8.9740019064936297E-2</v>
      </c>
      <c r="N197" s="160">
        <v>9.8644045508917186E-2</v>
      </c>
      <c r="O197" s="96">
        <v>7.877642237425192E-2</v>
      </c>
      <c r="P197" s="156">
        <v>65</v>
      </c>
      <c r="Q197" s="160">
        <v>0.81816725636994836</v>
      </c>
      <c r="R197" s="96">
        <v>9.6358706804521244E-2</v>
      </c>
      <c r="S197" s="160">
        <v>0.12738969596808963</v>
      </c>
      <c r="T197" s="96">
        <v>8.573372522438806E-2</v>
      </c>
      <c r="U197" s="160">
        <v>5.4443047661961813E-2</v>
      </c>
      <c r="V197" s="96">
        <v>6.5421164943519933E-2</v>
      </c>
    </row>
    <row r="198" spans="1:22" customFormat="1">
      <c r="A198" s="56" t="s">
        <v>359</v>
      </c>
      <c r="B198" s="82">
        <v>85</v>
      </c>
      <c r="C198" s="97">
        <v>0.30245598665944845</v>
      </c>
      <c r="D198" s="93">
        <v>9.8164109275814801E-2</v>
      </c>
      <c r="E198" s="97">
        <v>0.4039220847781953</v>
      </c>
      <c r="F198" s="93">
        <v>0.10419949273732412</v>
      </c>
      <c r="G198" s="97">
        <v>0.29362192856235586</v>
      </c>
      <c r="H198" s="93">
        <v>9.7416179903094618E-2</v>
      </c>
      <c r="I198" s="82">
        <v>82</v>
      </c>
      <c r="J198" s="97">
        <v>0.8149153134990671</v>
      </c>
      <c r="K198" s="93">
        <v>8.6222825003409498E-2</v>
      </c>
      <c r="L198" s="97">
        <v>0.11423130699335633</v>
      </c>
      <c r="M198" s="93">
        <v>7.304158129864137E-2</v>
      </c>
      <c r="N198" s="97">
        <v>7.0853379507576336E-2</v>
      </c>
      <c r="O198" s="93">
        <v>6.1970195991549765E-2</v>
      </c>
      <c r="P198" s="82">
        <v>85</v>
      </c>
      <c r="Q198" s="97">
        <v>0.83508640861733607</v>
      </c>
      <c r="R198" s="93">
        <v>8.1442925023177279E-2</v>
      </c>
      <c r="S198" s="97">
        <v>9.3347424575003557E-2</v>
      </c>
      <c r="T198" s="93">
        <v>6.6759349725833042E-2</v>
      </c>
      <c r="U198" s="97">
        <v>7.1566166807660286E-2</v>
      </c>
      <c r="V198" s="93">
        <v>6.0919196187963084E-2</v>
      </c>
    </row>
    <row r="199" spans="1:22" customFormat="1">
      <c r="A199" s="48" t="s">
        <v>371</v>
      </c>
      <c r="B199" s="156">
        <v>131</v>
      </c>
      <c r="C199" s="160">
        <v>0.29646712853138335</v>
      </c>
      <c r="D199" s="96">
        <v>7.9067313879004786E-2</v>
      </c>
      <c r="E199" s="160">
        <v>0.4101708209678378</v>
      </c>
      <c r="F199" s="96">
        <v>8.4748309558661181E-2</v>
      </c>
      <c r="G199" s="160">
        <v>0.29336205050077951</v>
      </c>
      <c r="H199" s="96">
        <v>7.8842289270131274E-2</v>
      </c>
      <c r="I199" s="156">
        <v>129</v>
      </c>
      <c r="J199" s="160">
        <v>0.7670885625336703</v>
      </c>
      <c r="K199" s="96">
        <v>7.4165042562761657E-2</v>
      </c>
      <c r="L199" s="160">
        <v>0.18213571544597484</v>
      </c>
      <c r="M199" s="96">
        <v>6.8264933288161592E-2</v>
      </c>
      <c r="N199" s="160">
        <v>5.0775722020354887E-2</v>
      </c>
      <c r="O199" s="96">
        <v>4.2533845943770091E-2</v>
      </c>
      <c r="P199" s="156">
        <v>128</v>
      </c>
      <c r="Q199" s="160">
        <v>0.87530254016654485</v>
      </c>
      <c r="R199" s="96">
        <v>5.9684815416733004E-2</v>
      </c>
      <c r="S199" s="160">
        <v>7.4733731515084709E-2</v>
      </c>
      <c r="T199" s="96">
        <v>4.9219120659578008E-2</v>
      </c>
      <c r="U199" s="160">
        <v>4.9963728318370461E-2</v>
      </c>
      <c r="V199" s="96">
        <v>4.2482110169759842E-2</v>
      </c>
    </row>
    <row r="200" spans="1:22" customFormat="1">
      <c r="A200" s="56" t="s">
        <v>360</v>
      </c>
      <c r="B200" s="82">
        <v>74</v>
      </c>
      <c r="C200" s="97">
        <v>0.28812597315877592</v>
      </c>
      <c r="D200" s="93">
        <v>0.10367491244828636</v>
      </c>
      <c r="E200" s="97">
        <v>0.44692048451957817</v>
      </c>
      <c r="F200" s="93">
        <v>0.11265197673093059</v>
      </c>
      <c r="G200" s="97">
        <v>0.26495354232164642</v>
      </c>
      <c r="H200" s="93">
        <v>0.10134333980339573</v>
      </c>
      <c r="I200" s="82">
        <v>73</v>
      </c>
      <c r="J200" s="97">
        <v>0.7938589524860038</v>
      </c>
      <c r="K200" s="93">
        <v>9.4631378499063362E-2</v>
      </c>
      <c r="L200" s="97">
        <v>0.17265350816849231</v>
      </c>
      <c r="M200" s="93">
        <v>8.9352117176417348E-2</v>
      </c>
      <c r="N200" s="97">
        <v>3.3487539345503997E-2</v>
      </c>
      <c r="O200" s="93">
        <v>5.3155067951084059E-2</v>
      </c>
      <c r="P200" s="82">
        <v>73</v>
      </c>
      <c r="Q200" s="97">
        <v>0.88518274856431178</v>
      </c>
      <c r="R200" s="93">
        <v>7.7843830919733945E-2</v>
      </c>
      <c r="S200" s="97">
        <v>9.5583232900034537E-2</v>
      </c>
      <c r="T200" s="93">
        <v>7.3147502956465937E-2</v>
      </c>
      <c r="U200" s="97">
        <v>1.9234018535653704E-2</v>
      </c>
      <c r="V200" s="93">
        <v>4.6851215239889575E-2</v>
      </c>
    </row>
    <row r="201" spans="1:22" customFormat="1">
      <c r="A201" s="48" t="s">
        <v>370</v>
      </c>
      <c r="B201" s="156">
        <v>214</v>
      </c>
      <c r="C201" s="160">
        <v>0.35079582942798326</v>
      </c>
      <c r="D201" s="96">
        <v>6.4757496880481158E-2</v>
      </c>
      <c r="E201" s="160">
        <v>0.40352514202910217</v>
      </c>
      <c r="F201" s="96">
        <v>6.650253828875051E-2</v>
      </c>
      <c r="G201" s="160">
        <v>0.24567902854291404</v>
      </c>
      <c r="H201" s="96">
        <v>5.8681634412595406E-2</v>
      </c>
      <c r="I201" s="156">
        <v>215</v>
      </c>
      <c r="J201" s="160">
        <v>0.79593624504021487</v>
      </c>
      <c r="K201" s="96">
        <v>5.4995513020021598E-2</v>
      </c>
      <c r="L201" s="160">
        <v>0.1537652542275027</v>
      </c>
      <c r="M201" s="96">
        <v>4.9557057578902254E-2</v>
      </c>
      <c r="N201" s="160">
        <v>5.0298500732282314E-2</v>
      </c>
      <c r="O201" s="96">
        <v>3.1720395486456894E-2</v>
      </c>
      <c r="P201" s="156">
        <v>213</v>
      </c>
      <c r="Q201" s="160">
        <v>0.90487522744793769</v>
      </c>
      <c r="R201" s="96">
        <v>4.1194968827969171E-2</v>
      </c>
      <c r="S201" s="160">
        <v>4.5969256886370991E-2</v>
      </c>
      <c r="T201" s="96">
        <v>3.0776679179292447E-2</v>
      </c>
      <c r="U201" s="160">
        <v>4.9155515665690812E-2</v>
      </c>
      <c r="V201" s="96">
        <v>3.1597605466731737E-2</v>
      </c>
    </row>
    <row r="202" spans="1:22" customFormat="1">
      <c r="A202" s="56" t="s">
        <v>361</v>
      </c>
      <c r="B202" s="82">
        <v>88</v>
      </c>
      <c r="C202" s="97">
        <v>0.3551320052719556</v>
      </c>
      <c r="D202" s="93">
        <v>0.1001734420221685</v>
      </c>
      <c r="E202" s="97">
        <v>0.33994274037052397</v>
      </c>
      <c r="F202" s="93">
        <v>9.9249559489734199E-2</v>
      </c>
      <c r="G202" s="97">
        <v>0.30492525435752049</v>
      </c>
      <c r="H202" s="93">
        <v>9.6725286623751253E-2</v>
      </c>
      <c r="I202" s="82">
        <v>89</v>
      </c>
      <c r="J202" s="97">
        <v>0.82011341788734027</v>
      </c>
      <c r="K202" s="93">
        <v>8.1952695617898252E-2</v>
      </c>
      <c r="L202" s="97">
        <v>0.10773664292416128</v>
      </c>
      <c r="M202" s="93">
        <v>6.849565887009347E-2</v>
      </c>
      <c r="N202" s="97">
        <v>7.2149939188498491E-2</v>
      </c>
      <c r="O202" s="93">
        <v>5.9515033219401381E-2</v>
      </c>
      <c r="P202" s="82">
        <v>88</v>
      </c>
      <c r="Q202" s="97">
        <v>0.88989783985283821</v>
      </c>
      <c r="R202" s="93">
        <v>6.9442331471021024E-2</v>
      </c>
      <c r="S202" s="97">
        <v>3.7411697710137706E-2</v>
      </c>
      <c r="T202" s="93">
        <v>4.855082288156444E-2</v>
      </c>
      <c r="U202" s="97">
        <v>7.2690462437024136E-2</v>
      </c>
      <c r="V202" s="93">
        <v>6.0050371042924447E-2</v>
      </c>
    </row>
    <row r="203" spans="1:22" customFormat="1">
      <c r="A203" s="48" t="s">
        <v>375</v>
      </c>
      <c r="B203" s="156">
        <v>86</v>
      </c>
      <c r="C203" s="160">
        <v>0.33728017680025951</v>
      </c>
      <c r="D203" s="96">
        <v>0.10018284048967115</v>
      </c>
      <c r="E203" s="160">
        <v>0.46738907181967876</v>
      </c>
      <c r="F203" s="96">
        <v>0.10520434244894293</v>
      </c>
      <c r="G203" s="160">
        <v>0.19533075138006148</v>
      </c>
      <c r="H203" s="96">
        <v>8.5698245467852499E-2</v>
      </c>
      <c r="I203" s="156">
        <v>86</v>
      </c>
      <c r="J203" s="160">
        <v>0.777718657402929</v>
      </c>
      <c r="K203" s="96">
        <v>8.9337260550462455E-2</v>
      </c>
      <c r="L203" s="160">
        <v>0.20780590946716809</v>
      </c>
      <c r="M203" s="96">
        <v>8.7443459267297199E-2</v>
      </c>
      <c r="N203" s="160">
        <v>1.4475433129902683E-2</v>
      </c>
      <c r="O203" s="96">
        <v>3.9301902707938367E-2</v>
      </c>
      <c r="P203" s="156">
        <v>85</v>
      </c>
      <c r="Q203" s="160">
        <v>0.96326716687404201</v>
      </c>
      <c r="R203" s="96">
        <v>4.9374235246536051E-2</v>
      </c>
      <c r="S203" s="160">
        <v>1.7127812392313632E-2</v>
      </c>
      <c r="T203" s="96">
        <v>4.0956084714899491E-2</v>
      </c>
      <c r="U203" s="160">
        <v>1.9605020733644271E-2</v>
      </c>
      <c r="V203" s="96">
        <v>4.2133395364746473E-2</v>
      </c>
    </row>
    <row r="204" spans="1:22" customFormat="1">
      <c r="A204" s="56" t="s">
        <v>358</v>
      </c>
      <c r="B204" s="82">
        <v>66</v>
      </c>
      <c r="C204" s="97">
        <v>0.35198632218902404</v>
      </c>
      <c r="D204" s="93">
        <v>0.11477286680416844</v>
      </c>
      <c r="E204" s="97">
        <v>0.41246842529566741</v>
      </c>
      <c r="F204" s="93">
        <v>0.11788343806898198</v>
      </c>
      <c r="G204" s="97">
        <v>0.23554525251530825</v>
      </c>
      <c r="H204" s="93">
        <v>0.10360034324250079</v>
      </c>
      <c r="I204" s="82">
        <v>65</v>
      </c>
      <c r="J204" s="97">
        <v>0.75515427817378578</v>
      </c>
      <c r="K204" s="93">
        <v>0.10556288325478899</v>
      </c>
      <c r="L204" s="97">
        <v>0.14620167631729691</v>
      </c>
      <c r="M204" s="93">
        <v>8.9740019064936297E-2</v>
      </c>
      <c r="N204" s="97">
        <v>9.8644045508917186E-2</v>
      </c>
      <c r="O204" s="93">
        <v>7.877642237425192E-2</v>
      </c>
      <c r="P204" s="82">
        <v>65</v>
      </c>
      <c r="Q204" s="97">
        <v>0.81816725636994836</v>
      </c>
      <c r="R204" s="93">
        <v>9.6358706804521244E-2</v>
      </c>
      <c r="S204" s="97">
        <v>0.12738969596808963</v>
      </c>
      <c r="T204" s="93">
        <v>8.573372522438806E-2</v>
      </c>
      <c r="U204" s="97">
        <v>5.4443047661961813E-2</v>
      </c>
      <c r="V204" s="93">
        <v>6.5421164943519933E-2</v>
      </c>
    </row>
  </sheetData>
  <mergeCells count="32">
    <mergeCell ref="A148:K148"/>
    <mergeCell ref="A149:K149"/>
    <mergeCell ref="A177:V177"/>
    <mergeCell ref="A178:V178"/>
    <mergeCell ref="B179:H179"/>
    <mergeCell ref="I179:O179"/>
    <mergeCell ref="P179:V179"/>
    <mergeCell ref="A150:D150"/>
    <mergeCell ref="E150:K150"/>
    <mergeCell ref="AR63:AX63"/>
    <mergeCell ref="A4:H4"/>
    <mergeCell ref="A3:H3"/>
    <mergeCell ref="A33:H33"/>
    <mergeCell ref="A32:H32"/>
    <mergeCell ref="A61:AX61"/>
    <mergeCell ref="A62:AX62"/>
    <mergeCell ref="W63:AC63"/>
    <mergeCell ref="AD63:AJ63"/>
    <mergeCell ref="AK63:AQ63"/>
    <mergeCell ref="P121:V121"/>
    <mergeCell ref="A5:H5"/>
    <mergeCell ref="A34:H34"/>
    <mergeCell ref="B63:H63"/>
    <mergeCell ref="I63:O63"/>
    <mergeCell ref="P63:V63"/>
    <mergeCell ref="A91:H91"/>
    <mergeCell ref="A90:H90"/>
    <mergeCell ref="A120:V120"/>
    <mergeCell ref="A119:V119"/>
    <mergeCell ref="I121:O121"/>
    <mergeCell ref="A92:H92"/>
    <mergeCell ref="B121:H121"/>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BD146"/>
  <sheetViews>
    <sheetView zoomScaleNormal="100" workbookViewId="0"/>
  </sheetViews>
  <sheetFormatPr defaultColWidth="18" defaultRowHeight="15"/>
  <cols>
    <col min="1" max="1" width="56.7109375" style="5" customWidth="1"/>
    <col min="2" max="4" width="19.42578125" style="5" customWidth="1"/>
    <col min="5" max="8" width="18" style="5"/>
    <col min="9" max="9" width="19.85546875" style="5" customWidth="1"/>
    <col min="10" max="16384" width="18" style="5"/>
  </cols>
  <sheetData>
    <row r="1" spans="1:37" ht="29.25" customHeight="1">
      <c r="A1" s="35" t="s">
        <v>60</v>
      </c>
      <c r="P1" s="232"/>
      <c r="Q1" s="232"/>
      <c r="R1" s="232"/>
      <c r="S1" s="232"/>
      <c r="T1" s="232"/>
      <c r="U1" s="232"/>
      <c r="V1" s="232"/>
      <c r="W1" s="232"/>
      <c r="X1" s="232"/>
      <c r="Y1" s="232"/>
      <c r="Z1" s="232"/>
      <c r="AA1" s="232"/>
      <c r="AB1" s="232"/>
      <c r="AC1" s="232"/>
      <c r="AD1" s="232"/>
      <c r="AE1" s="232"/>
      <c r="AF1" s="232"/>
      <c r="AG1" s="232"/>
      <c r="AH1" s="232"/>
      <c r="AI1" s="232"/>
      <c r="AJ1" s="232"/>
      <c r="AK1" s="232"/>
    </row>
    <row r="2" spans="1:37" ht="15.75" customHeight="1">
      <c r="A2" s="35"/>
      <c r="P2" s="232"/>
      <c r="Q2" s="232"/>
      <c r="R2" s="232"/>
      <c r="S2" s="232"/>
      <c r="T2" s="232"/>
      <c r="U2" s="232"/>
      <c r="V2" s="232"/>
      <c r="W2" s="232"/>
      <c r="X2" s="232"/>
      <c r="Y2" s="232"/>
      <c r="Z2" s="232"/>
      <c r="AA2" s="232"/>
      <c r="AB2" s="232"/>
      <c r="AC2" s="232"/>
      <c r="AD2" s="232"/>
      <c r="AE2" s="232"/>
      <c r="AF2" s="232"/>
      <c r="AG2" s="232"/>
      <c r="AH2" s="232"/>
      <c r="AI2" s="232"/>
      <c r="AJ2" s="232"/>
      <c r="AK2" s="232"/>
    </row>
    <row r="3" spans="1:37" ht="18.75">
      <c r="A3" s="340" t="s">
        <v>380</v>
      </c>
      <c r="B3" s="340"/>
      <c r="C3" s="340"/>
      <c r="D3" s="340"/>
      <c r="P3" s="232"/>
      <c r="Q3" s="232"/>
      <c r="R3" s="232"/>
      <c r="S3" s="232"/>
      <c r="T3" s="232"/>
      <c r="U3" s="232"/>
      <c r="V3" s="232"/>
      <c r="W3" s="232"/>
      <c r="X3" s="232"/>
      <c r="Y3" s="232"/>
      <c r="Z3" s="232"/>
      <c r="AA3" s="232"/>
      <c r="AB3" s="232"/>
      <c r="AC3" s="232"/>
      <c r="AD3" s="232"/>
      <c r="AE3" s="232"/>
      <c r="AF3" s="232"/>
      <c r="AG3" s="232"/>
      <c r="AH3" s="232"/>
      <c r="AI3" s="232"/>
      <c r="AJ3" s="232"/>
      <c r="AK3" s="232"/>
    </row>
    <row r="4" spans="1:37" ht="99.75" customHeight="1">
      <c r="A4" s="350" t="s">
        <v>378</v>
      </c>
      <c r="B4" s="350"/>
      <c r="C4" s="350"/>
      <c r="D4" s="350"/>
      <c r="P4" s="232"/>
      <c r="Q4" s="232"/>
      <c r="R4" s="232"/>
      <c r="S4" s="232"/>
      <c r="T4" s="232"/>
      <c r="U4" s="232"/>
      <c r="V4" s="232"/>
      <c r="W4" s="232"/>
      <c r="X4" s="232"/>
      <c r="Y4" s="232"/>
      <c r="Z4" s="232"/>
      <c r="AA4" s="232"/>
      <c r="AB4" s="232"/>
      <c r="AC4" s="232"/>
      <c r="AD4" s="232"/>
      <c r="AE4" s="232"/>
      <c r="AF4" s="232"/>
      <c r="AG4" s="232"/>
      <c r="AH4" s="232"/>
      <c r="AI4" s="232"/>
      <c r="AJ4" s="232"/>
      <c r="AK4" s="232"/>
    </row>
    <row r="5" spans="1:37" ht="36.75" customHeight="1">
      <c r="A5" s="351" t="s">
        <v>379</v>
      </c>
      <c r="B5" s="352"/>
      <c r="C5" s="352"/>
      <c r="D5" s="352"/>
      <c r="P5" s="232"/>
      <c r="Q5" s="232"/>
      <c r="R5" s="232"/>
      <c r="S5" s="232"/>
      <c r="T5" s="232"/>
      <c r="U5" s="232"/>
      <c r="V5" s="232"/>
      <c r="W5" s="232"/>
      <c r="X5" s="232"/>
      <c r="Y5" s="232"/>
      <c r="Z5" s="232"/>
      <c r="AA5" s="232"/>
      <c r="AB5" s="232"/>
      <c r="AC5" s="232"/>
      <c r="AD5" s="232"/>
      <c r="AE5" s="232"/>
      <c r="AF5" s="232"/>
      <c r="AG5" s="232"/>
      <c r="AH5" s="232"/>
      <c r="AI5" s="232"/>
      <c r="AJ5" s="232"/>
      <c r="AK5" s="232"/>
    </row>
    <row r="6" spans="1:37" ht="72">
      <c r="A6" s="36" t="s">
        <v>70</v>
      </c>
      <c r="B6" s="37" t="s">
        <v>71</v>
      </c>
      <c r="C6" s="38" t="s">
        <v>594</v>
      </c>
      <c r="D6" s="39" t="s">
        <v>72</v>
      </c>
      <c r="P6" s="232"/>
      <c r="Q6" s="232"/>
      <c r="R6" s="232"/>
      <c r="S6" s="232"/>
      <c r="T6" s="232"/>
      <c r="U6" s="232"/>
      <c r="V6" s="232"/>
      <c r="W6" s="232"/>
      <c r="X6" s="232"/>
      <c r="Y6" s="232"/>
      <c r="Z6" s="232"/>
      <c r="AA6" s="232"/>
      <c r="AB6" s="232"/>
      <c r="AC6" s="232"/>
      <c r="AD6" s="232"/>
      <c r="AE6" s="232"/>
      <c r="AF6" s="232"/>
      <c r="AG6" s="232"/>
      <c r="AH6" s="232"/>
      <c r="AI6" s="232"/>
      <c r="AJ6" s="232"/>
      <c r="AK6" s="232"/>
    </row>
    <row r="7" spans="1:37" ht="72">
      <c r="A7" s="40"/>
      <c r="B7" s="41" t="s">
        <v>73</v>
      </c>
      <c r="C7" s="42" t="s">
        <v>587</v>
      </c>
      <c r="D7" s="43" t="s">
        <v>75</v>
      </c>
      <c r="P7" s="232"/>
      <c r="Q7" s="232"/>
      <c r="R7" s="232"/>
      <c r="S7" s="232"/>
      <c r="T7" s="232"/>
      <c r="U7" s="232"/>
      <c r="V7" s="232"/>
      <c r="W7" s="232"/>
      <c r="X7" s="232"/>
      <c r="Y7" s="232"/>
      <c r="Z7" s="232"/>
      <c r="AA7" s="232"/>
      <c r="AB7" s="232"/>
      <c r="AC7" s="232"/>
      <c r="AD7" s="232"/>
      <c r="AE7" s="232"/>
      <c r="AF7" s="232"/>
      <c r="AG7" s="232"/>
      <c r="AH7" s="232"/>
      <c r="AI7" s="232"/>
      <c r="AJ7" s="232"/>
      <c r="AK7" s="232"/>
    </row>
    <row r="8" spans="1:37">
      <c r="A8" s="44" t="s">
        <v>349</v>
      </c>
      <c r="B8" s="132">
        <v>13760</v>
      </c>
      <c r="C8" s="133">
        <v>5.3107549376785776</v>
      </c>
      <c r="D8" s="134">
        <v>1.980026958620976E-2</v>
      </c>
      <c r="P8" s="232"/>
      <c r="Q8" s="232"/>
      <c r="R8" s="232"/>
      <c r="S8" s="232"/>
      <c r="T8" s="232"/>
      <c r="U8" s="232"/>
      <c r="V8" s="232"/>
      <c r="W8" s="232"/>
      <c r="X8" s="232"/>
      <c r="Y8" s="232"/>
      <c r="Z8" s="232"/>
      <c r="AA8" s="232"/>
      <c r="AB8" s="232"/>
      <c r="AC8" s="232"/>
      <c r="AD8" s="232"/>
      <c r="AE8" s="232"/>
      <c r="AF8" s="232"/>
      <c r="AG8" s="232"/>
      <c r="AH8" s="232"/>
      <c r="AI8" s="232"/>
      <c r="AJ8" s="232"/>
      <c r="AK8" s="232"/>
    </row>
    <row r="9" spans="1:37">
      <c r="A9" s="48" t="s">
        <v>350</v>
      </c>
      <c r="B9" s="48">
        <v>10041</v>
      </c>
      <c r="C9" s="136">
        <v>5.425601896978967</v>
      </c>
      <c r="D9" s="137">
        <v>2.2820295307440942E-2</v>
      </c>
      <c r="P9" s="232"/>
      <c r="Q9" s="232"/>
      <c r="R9" s="232"/>
      <c r="S9" s="232"/>
      <c r="T9" s="232"/>
      <c r="U9" s="232"/>
      <c r="V9" s="232"/>
      <c r="W9" s="232"/>
      <c r="X9" s="232"/>
      <c r="Y9" s="232"/>
      <c r="Z9" s="232"/>
      <c r="AA9" s="232"/>
      <c r="AB9" s="232"/>
      <c r="AC9" s="232"/>
      <c r="AD9" s="232"/>
      <c r="AE9" s="232"/>
      <c r="AF9" s="232"/>
      <c r="AG9" s="232"/>
      <c r="AH9" s="232"/>
      <c r="AI9" s="232"/>
      <c r="AJ9" s="232"/>
      <c r="AK9" s="232"/>
    </row>
    <row r="10" spans="1:37">
      <c r="A10" s="44" t="s">
        <v>351</v>
      </c>
      <c r="B10" s="52">
        <v>3719</v>
      </c>
      <c r="C10" s="133">
        <v>5.2193696323113699</v>
      </c>
      <c r="D10" s="134">
        <v>3.8927555702293927E-2</v>
      </c>
      <c r="P10" s="232"/>
      <c r="Q10" s="232"/>
      <c r="R10" s="232"/>
      <c r="S10" s="232"/>
      <c r="T10" s="232"/>
      <c r="U10" s="232"/>
      <c r="V10" s="232"/>
      <c r="W10" s="232"/>
      <c r="X10" s="232"/>
      <c r="Y10" s="232"/>
      <c r="Z10" s="232"/>
      <c r="AA10" s="232"/>
      <c r="AB10" s="232"/>
      <c r="AC10" s="232"/>
      <c r="AD10" s="232"/>
      <c r="AE10" s="232"/>
      <c r="AF10" s="232"/>
      <c r="AG10" s="232"/>
      <c r="AH10" s="232"/>
      <c r="AI10" s="232"/>
      <c r="AJ10" s="232"/>
      <c r="AK10" s="232"/>
    </row>
    <row r="11" spans="1:37">
      <c r="A11" s="48" t="s">
        <v>558</v>
      </c>
      <c r="B11" s="48">
        <v>332</v>
      </c>
      <c r="C11" s="136">
        <v>5.176743693938767</v>
      </c>
      <c r="D11" s="137">
        <v>0.12510318722524288</v>
      </c>
      <c r="P11" s="232"/>
      <c r="Q11" s="232"/>
      <c r="R11" s="232"/>
      <c r="S11" s="232"/>
      <c r="T11" s="232"/>
      <c r="U11" s="232"/>
      <c r="V11" s="232"/>
      <c r="W11" s="232"/>
      <c r="X11" s="232"/>
      <c r="Y11" s="232"/>
      <c r="Z11" s="232"/>
      <c r="AA11" s="232"/>
      <c r="AB11" s="232"/>
      <c r="AC11" s="232"/>
      <c r="AD11" s="232"/>
      <c r="AE11" s="232"/>
      <c r="AF11" s="232"/>
      <c r="AG11" s="232"/>
      <c r="AH11" s="232"/>
      <c r="AI11" s="232"/>
      <c r="AJ11" s="232"/>
      <c r="AK11" s="232"/>
    </row>
    <row r="12" spans="1:37">
      <c r="A12" s="44" t="s">
        <v>559</v>
      </c>
      <c r="B12" s="52">
        <v>3571</v>
      </c>
      <c r="C12" s="133">
        <v>5.3241119863304327</v>
      </c>
      <c r="D12" s="134">
        <v>3.9017574138285584E-2</v>
      </c>
      <c r="P12" s="232"/>
      <c r="Q12" s="232"/>
      <c r="R12" s="232"/>
      <c r="S12" s="232"/>
      <c r="T12" s="232"/>
      <c r="U12" s="232"/>
      <c r="V12" s="232"/>
      <c r="W12" s="232"/>
      <c r="X12" s="232"/>
      <c r="Y12" s="232"/>
      <c r="Z12" s="232"/>
      <c r="AA12" s="232"/>
      <c r="AB12" s="232"/>
      <c r="AC12" s="232"/>
      <c r="AD12" s="232"/>
      <c r="AE12" s="232"/>
      <c r="AF12" s="232"/>
      <c r="AG12" s="232"/>
      <c r="AH12" s="232"/>
      <c r="AI12" s="232"/>
      <c r="AJ12" s="232"/>
      <c r="AK12" s="232"/>
    </row>
    <row r="13" spans="1:37">
      <c r="A13" s="48" t="s">
        <v>560</v>
      </c>
      <c r="B13" s="48">
        <v>2929</v>
      </c>
      <c r="C13" s="136">
        <v>5.5012127679788208</v>
      </c>
      <c r="D13" s="137">
        <v>4.2591430169261757E-2</v>
      </c>
      <c r="P13" s="232"/>
      <c r="Q13" s="232"/>
      <c r="R13" s="232"/>
      <c r="S13" s="232"/>
      <c r="T13" s="232"/>
      <c r="U13" s="232"/>
      <c r="V13" s="232"/>
      <c r="W13" s="232"/>
      <c r="X13" s="232"/>
      <c r="Y13" s="232"/>
      <c r="Z13" s="232"/>
      <c r="AA13" s="232"/>
      <c r="AB13" s="232"/>
      <c r="AC13" s="232"/>
      <c r="AD13" s="232"/>
      <c r="AE13" s="232"/>
      <c r="AF13" s="232"/>
      <c r="AG13" s="232"/>
      <c r="AH13" s="232"/>
      <c r="AI13" s="232"/>
      <c r="AJ13" s="232"/>
      <c r="AK13" s="232"/>
    </row>
    <row r="14" spans="1:37">
      <c r="A14" s="44" t="s">
        <v>368</v>
      </c>
      <c r="B14" s="52">
        <v>159</v>
      </c>
      <c r="C14" s="133">
        <v>5.4648717442407122</v>
      </c>
      <c r="D14" s="134">
        <v>0.18327454993731504</v>
      </c>
      <c r="P14" s="232"/>
      <c r="Q14" s="232"/>
      <c r="R14" s="232"/>
      <c r="S14" s="232"/>
      <c r="T14" s="232"/>
      <c r="U14" s="232"/>
      <c r="V14" s="232"/>
      <c r="W14" s="232"/>
      <c r="X14" s="232"/>
      <c r="Y14" s="232"/>
      <c r="Z14" s="232"/>
      <c r="AA14" s="232"/>
      <c r="AB14" s="232"/>
      <c r="AC14" s="232"/>
      <c r="AD14" s="232"/>
      <c r="AE14" s="232"/>
      <c r="AF14" s="232"/>
      <c r="AG14" s="232"/>
      <c r="AH14" s="232"/>
      <c r="AI14" s="232"/>
      <c r="AJ14" s="232"/>
      <c r="AK14" s="232"/>
    </row>
    <row r="15" spans="1:37">
      <c r="A15" s="48" t="s">
        <v>150</v>
      </c>
      <c r="B15" s="48">
        <v>271</v>
      </c>
      <c r="C15" s="136">
        <v>5.6817060290316856</v>
      </c>
      <c r="D15" s="137">
        <v>0.13899426770033596</v>
      </c>
      <c r="P15" s="232"/>
      <c r="Q15" s="232"/>
      <c r="R15" s="232"/>
      <c r="S15" s="232"/>
      <c r="T15" s="232"/>
      <c r="U15" s="232"/>
      <c r="V15" s="232"/>
      <c r="W15" s="232"/>
      <c r="X15" s="232"/>
      <c r="Y15" s="232"/>
      <c r="Z15" s="232"/>
      <c r="AA15" s="232"/>
      <c r="AB15" s="232"/>
      <c r="AC15" s="232"/>
      <c r="AD15" s="232"/>
      <c r="AE15" s="232"/>
      <c r="AF15" s="232"/>
      <c r="AG15" s="232"/>
      <c r="AH15" s="232"/>
      <c r="AI15" s="232"/>
      <c r="AJ15" s="232"/>
      <c r="AK15" s="232"/>
    </row>
    <row r="16" spans="1:37">
      <c r="A16" s="44" t="s">
        <v>352</v>
      </c>
      <c r="B16" s="52">
        <v>120</v>
      </c>
      <c r="C16" s="133">
        <v>5.5503574985295518</v>
      </c>
      <c r="D16" s="134">
        <v>0.21656858250471098</v>
      </c>
      <c r="P16" s="232"/>
      <c r="Q16" s="232"/>
      <c r="R16" s="232"/>
      <c r="S16" s="232"/>
      <c r="T16" s="232"/>
      <c r="U16" s="232"/>
      <c r="V16" s="232"/>
      <c r="W16" s="232"/>
      <c r="X16" s="232"/>
      <c r="Y16" s="232"/>
      <c r="Z16" s="232"/>
      <c r="AA16" s="232"/>
      <c r="AB16" s="232"/>
      <c r="AC16" s="232"/>
      <c r="AD16" s="232"/>
      <c r="AE16" s="232"/>
      <c r="AF16" s="232"/>
      <c r="AG16" s="232"/>
      <c r="AH16" s="232"/>
      <c r="AI16" s="232"/>
      <c r="AJ16" s="232"/>
      <c r="AK16" s="232"/>
    </row>
    <row r="17" spans="1:56">
      <c r="A17" s="48" t="s">
        <v>353</v>
      </c>
      <c r="B17" s="48">
        <v>117</v>
      </c>
      <c r="C17" s="136">
        <v>5.7706988345696955</v>
      </c>
      <c r="D17" s="137">
        <v>0.21034182283248881</v>
      </c>
      <c r="P17" s="232"/>
      <c r="Q17" s="232"/>
      <c r="R17" s="232"/>
      <c r="S17" s="232"/>
      <c r="T17" s="232"/>
      <c r="U17" s="232"/>
      <c r="V17" s="232"/>
      <c r="W17" s="232"/>
      <c r="X17" s="232"/>
      <c r="Y17" s="232"/>
      <c r="Z17" s="232"/>
      <c r="AA17" s="232"/>
      <c r="AB17" s="232"/>
      <c r="AC17" s="232"/>
      <c r="AD17" s="232"/>
      <c r="AE17" s="232"/>
      <c r="AF17" s="232"/>
      <c r="AG17" s="232"/>
      <c r="AH17" s="232"/>
      <c r="AI17" s="232"/>
      <c r="AJ17" s="232"/>
      <c r="AK17" s="232"/>
    </row>
    <row r="18" spans="1:56">
      <c r="A18" s="44" t="s">
        <v>369</v>
      </c>
      <c r="B18" s="132">
        <v>419</v>
      </c>
      <c r="C18" s="133">
        <v>5.5442101540457163</v>
      </c>
      <c r="D18" s="134">
        <v>0.1057677231646646</v>
      </c>
      <c r="P18" s="232"/>
      <c r="Q18" s="232"/>
      <c r="R18" s="232"/>
      <c r="S18" s="232"/>
      <c r="T18" s="232"/>
      <c r="U18" s="232"/>
      <c r="V18" s="232"/>
      <c r="W18" s="232"/>
      <c r="X18" s="232"/>
      <c r="Y18" s="232"/>
      <c r="Z18" s="232"/>
      <c r="AA18" s="232"/>
      <c r="AB18" s="232"/>
      <c r="AC18" s="232"/>
      <c r="AD18" s="232"/>
      <c r="AE18" s="232"/>
      <c r="AF18" s="232"/>
      <c r="AG18" s="232"/>
      <c r="AH18" s="232"/>
      <c r="AI18" s="232"/>
      <c r="AJ18" s="232"/>
      <c r="AK18" s="232"/>
    </row>
    <row r="19" spans="1:56">
      <c r="A19" s="48" t="s">
        <v>354</v>
      </c>
      <c r="B19" s="135">
        <v>69</v>
      </c>
      <c r="C19" s="136">
        <v>5.5605777545079791</v>
      </c>
      <c r="D19" s="137">
        <v>0.26467785856764969</v>
      </c>
      <c r="P19" s="232"/>
      <c r="Q19" s="232"/>
      <c r="R19" s="232"/>
      <c r="S19" s="232"/>
      <c r="T19" s="232"/>
      <c r="U19" s="232"/>
      <c r="V19" s="232"/>
      <c r="W19" s="232"/>
      <c r="X19" s="232"/>
      <c r="Y19" s="232"/>
      <c r="Z19" s="232"/>
      <c r="AA19" s="232"/>
      <c r="AB19" s="232"/>
      <c r="AC19" s="232"/>
      <c r="AD19" s="232"/>
      <c r="AE19" s="232"/>
      <c r="AF19" s="232"/>
      <c r="AG19" s="232"/>
      <c r="AH19" s="232"/>
      <c r="AI19" s="232"/>
      <c r="AJ19" s="232"/>
      <c r="AK19" s="232"/>
    </row>
    <row r="20" spans="1:56">
      <c r="A20" s="44" t="s">
        <v>355</v>
      </c>
      <c r="B20" s="82">
        <v>74</v>
      </c>
      <c r="C20" s="83">
        <v>5.6228881404526421</v>
      </c>
      <c r="D20" s="134">
        <v>0.27058659845805721</v>
      </c>
      <c r="P20" s="232"/>
      <c r="Q20" s="232"/>
      <c r="R20" s="232"/>
      <c r="S20" s="232"/>
      <c r="T20" s="232"/>
      <c r="U20" s="232"/>
      <c r="V20" s="232"/>
      <c r="W20" s="232"/>
      <c r="X20" s="232"/>
      <c r="Y20" s="232"/>
      <c r="Z20" s="232"/>
      <c r="AA20" s="232"/>
      <c r="AB20" s="232"/>
      <c r="AC20" s="232"/>
      <c r="AD20" s="232"/>
      <c r="AE20" s="232"/>
      <c r="AF20" s="232"/>
      <c r="AG20" s="232"/>
      <c r="AH20" s="232"/>
      <c r="AI20" s="232"/>
      <c r="AJ20" s="232"/>
      <c r="AK20" s="232"/>
    </row>
    <row r="21" spans="1:56">
      <c r="A21" s="48" t="s">
        <v>356</v>
      </c>
      <c r="B21" s="135">
        <v>66</v>
      </c>
      <c r="C21" s="136">
        <v>5.5438688357695529</v>
      </c>
      <c r="D21" s="137">
        <v>0.26124304616786076</v>
      </c>
      <c r="P21" s="232"/>
      <c r="Q21" s="232"/>
      <c r="R21" s="232"/>
      <c r="S21" s="232"/>
      <c r="T21" s="232"/>
      <c r="U21" s="232"/>
      <c r="V21" s="232"/>
      <c r="W21" s="232"/>
      <c r="X21" s="232"/>
      <c r="Y21" s="232"/>
      <c r="Z21" s="232"/>
      <c r="AA21" s="232"/>
      <c r="AB21" s="232"/>
      <c r="AC21" s="232"/>
      <c r="AD21" s="232"/>
      <c r="AE21" s="232"/>
      <c r="AF21" s="232"/>
      <c r="AG21" s="232"/>
      <c r="AH21" s="232"/>
      <c r="AI21" s="232"/>
      <c r="AJ21" s="232"/>
      <c r="AK21" s="232"/>
    </row>
    <row r="22" spans="1:56">
      <c r="A22" s="56" t="s">
        <v>357</v>
      </c>
      <c r="B22" s="132">
        <v>52</v>
      </c>
      <c r="C22" s="133">
        <v>5.8967319395423319</v>
      </c>
      <c r="D22" s="134">
        <v>0.25379012131518969</v>
      </c>
      <c r="P22" s="232"/>
      <c r="Q22" s="232"/>
      <c r="R22" s="232"/>
      <c r="S22" s="232"/>
      <c r="T22" s="232"/>
      <c r="U22" s="232"/>
      <c r="V22" s="232"/>
      <c r="W22" s="232"/>
      <c r="X22" s="232"/>
      <c r="Y22" s="232"/>
      <c r="Z22" s="232"/>
      <c r="AA22" s="232"/>
      <c r="AB22" s="232"/>
      <c r="AC22" s="232"/>
      <c r="AD22" s="232"/>
      <c r="AE22" s="232"/>
      <c r="AF22" s="232"/>
      <c r="AG22" s="232"/>
      <c r="AH22" s="232"/>
      <c r="AI22" s="232"/>
      <c r="AJ22" s="232"/>
      <c r="AK22" s="232"/>
    </row>
    <row r="23" spans="1:56">
      <c r="A23" s="48" t="s">
        <v>358</v>
      </c>
      <c r="B23" s="135">
        <v>98</v>
      </c>
      <c r="C23" s="136">
        <v>5.2462609142199206</v>
      </c>
      <c r="D23" s="137">
        <v>0.24923048731613007</v>
      </c>
      <c r="P23" s="232"/>
      <c r="Q23" s="232"/>
      <c r="R23" s="232"/>
      <c r="S23" s="232"/>
      <c r="T23" s="232"/>
      <c r="U23" s="232"/>
      <c r="V23" s="232"/>
      <c r="W23" s="232"/>
      <c r="X23" s="232"/>
      <c r="Y23" s="232"/>
      <c r="Z23" s="232"/>
      <c r="AA23" s="232"/>
      <c r="AB23" s="232"/>
      <c r="AC23" s="232"/>
      <c r="AD23" s="232"/>
      <c r="AE23" s="232"/>
      <c r="AF23" s="232"/>
      <c r="AG23" s="232"/>
      <c r="AH23" s="232"/>
      <c r="AI23" s="232"/>
      <c r="AJ23" s="232"/>
      <c r="AK23" s="232"/>
    </row>
    <row r="24" spans="1:56">
      <c r="A24" s="56" t="s">
        <v>359</v>
      </c>
      <c r="B24" s="132">
        <v>114</v>
      </c>
      <c r="C24" s="133">
        <v>5.3902083629143309</v>
      </c>
      <c r="D24" s="134">
        <v>0.19639587893189037</v>
      </c>
      <c r="P24" s="232"/>
      <c r="Q24" s="232"/>
      <c r="R24" s="232"/>
      <c r="S24" s="232"/>
      <c r="T24" s="232"/>
      <c r="U24" s="232"/>
      <c r="V24" s="232"/>
      <c r="W24" s="232"/>
      <c r="X24" s="232"/>
      <c r="Y24" s="232"/>
      <c r="Z24" s="232"/>
      <c r="AA24" s="232"/>
      <c r="AB24" s="232"/>
      <c r="AC24" s="232"/>
      <c r="AD24" s="232"/>
      <c r="AE24" s="232"/>
      <c r="AF24" s="232"/>
      <c r="AG24" s="232"/>
      <c r="AH24" s="232"/>
      <c r="AI24" s="232"/>
      <c r="AJ24" s="232"/>
      <c r="AK24" s="232"/>
    </row>
    <row r="25" spans="1:56">
      <c r="A25" s="48" t="s">
        <v>371</v>
      </c>
      <c r="B25" s="135">
        <v>179</v>
      </c>
      <c r="C25" s="136">
        <v>5.8087394338238134</v>
      </c>
      <c r="D25" s="137">
        <v>0.13590578233309997</v>
      </c>
      <c r="P25" s="232"/>
      <c r="Q25" s="232"/>
      <c r="R25" s="232"/>
      <c r="S25" s="232"/>
      <c r="T25" s="232"/>
      <c r="U25" s="232"/>
      <c r="V25" s="232"/>
      <c r="W25" s="232"/>
      <c r="X25" s="232"/>
      <c r="Y25" s="232"/>
      <c r="Z25" s="232"/>
      <c r="AA25" s="232"/>
      <c r="AB25" s="232"/>
      <c r="AC25" s="232"/>
      <c r="AD25" s="232"/>
      <c r="AE25" s="232"/>
      <c r="AF25" s="232"/>
      <c r="AG25" s="232"/>
      <c r="AH25" s="232"/>
      <c r="AI25" s="232"/>
      <c r="AJ25" s="232"/>
      <c r="AK25" s="232"/>
    </row>
    <row r="26" spans="1:56">
      <c r="A26" s="56" t="s">
        <v>360</v>
      </c>
      <c r="B26" s="132">
        <v>101</v>
      </c>
      <c r="C26" s="133">
        <v>5.9591383057267446</v>
      </c>
      <c r="D26" s="134">
        <v>0.16173142962736953</v>
      </c>
      <c r="P26" s="232"/>
      <c r="Q26" s="232"/>
      <c r="R26" s="232"/>
      <c r="S26" s="232"/>
      <c r="T26" s="232"/>
      <c r="U26" s="232"/>
      <c r="V26" s="232"/>
      <c r="W26" s="232"/>
      <c r="X26" s="232"/>
      <c r="Y26" s="232"/>
      <c r="Z26" s="232"/>
      <c r="AA26" s="232"/>
      <c r="AB26" s="232"/>
      <c r="AC26" s="232"/>
      <c r="AD26" s="232"/>
      <c r="AE26" s="232"/>
      <c r="AF26" s="232"/>
      <c r="AG26" s="232"/>
      <c r="AH26" s="232"/>
      <c r="AI26" s="232"/>
      <c r="AJ26" s="232"/>
      <c r="AK26" s="232"/>
    </row>
    <row r="27" spans="1:56">
      <c r="A27" s="48" t="s">
        <v>370</v>
      </c>
      <c r="B27" s="135">
        <v>286</v>
      </c>
      <c r="C27" s="136">
        <v>5.4521420589265448</v>
      </c>
      <c r="D27" s="137">
        <v>0.13521580393186747</v>
      </c>
      <c r="P27" s="232"/>
      <c r="Q27" s="232"/>
      <c r="R27" s="232"/>
      <c r="S27" s="232"/>
      <c r="T27" s="232"/>
      <c r="U27" s="232"/>
      <c r="V27" s="232"/>
      <c r="W27" s="232"/>
      <c r="X27" s="232"/>
      <c r="Y27" s="232"/>
      <c r="Z27" s="232"/>
      <c r="AA27" s="232"/>
      <c r="AB27" s="232"/>
      <c r="AC27" s="232"/>
      <c r="AD27" s="232"/>
      <c r="AE27" s="232"/>
      <c r="AF27" s="232"/>
      <c r="AG27" s="232"/>
      <c r="AH27" s="232"/>
      <c r="AI27" s="232"/>
      <c r="AJ27" s="232"/>
      <c r="AK27" s="232"/>
    </row>
    <row r="28" spans="1:56">
      <c r="A28" s="56" t="s">
        <v>361</v>
      </c>
      <c r="B28" s="132">
        <v>122</v>
      </c>
      <c r="C28" s="133">
        <v>5.4270924861138381</v>
      </c>
      <c r="D28" s="134">
        <v>0.20434369381191989</v>
      </c>
      <c r="P28" s="232"/>
      <c r="Q28" s="232"/>
      <c r="R28" s="232"/>
      <c r="S28" s="232"/>
      <c r="T28" s="232"/>
      <c r="U28" s="232"/>
      <c r="V28" s="232"/>
      <c r="W28" s="232"/>
      <c r="X28" s="232"/>
      <c r="Y28" s="232"/>
      <c r="Z28" s="232"/>
      <c r="AA28" s="232"/>
      <c r="AB28" s="232"/>
      <c r="AC28" s="232"/>
      <c r="AD28" s="232"/>
      <c r="AE28" s="232"/>
      <c r="AF28" s="232"/>
      <c r="AG28" s="232"/>
      <c r="AH28" s="232"/>
      <c r="AI28" s="232"/>
      <c r="AJ28" s="232"/>
      <c r="AK28" s="232"/>
    </row>
    <row r="29" spans="1:56">
      <c r="A29" s="48" t="s">
        <v>375</v>
      </c>
      <c r="B29" s="135">
        <v>110</v>
      </c>
      <c r="C29" s="136">
        <v>5.54767153747148</v>
      </c>
      <c r="D29" s="137">
        <v>0.20377447644013583</v>
      </c>
      <c r="P29" s="232"/>
      <c r="Q29" s="232"/>
      <c r="R29" s="232"/>
      <c r="S29" s="232"/>
      <c r="T29" s="232"/>
      <c r="U29" s="232"/>
      <c r="V29" s="232"/>
      <c r="W29" s="232"/>
      <c r="X29" s="232"/>
      <c r="Y29" s="232"/>
      <c r="Z29" s="232"/>
      <c r="AA29" s="232"/>
      <c r="AB29" s="232"/>
      <c r="AC29" s="232"/>
      <c r="AD29" s="232"/>
      <c r="AE29" s="232"/>
      <c r="AF29" s="232"/>
      <c r="AG29" s="232"/>
      <c r="AH29" s="232"/>
      <c r="AI29" s="232"/>
      <c r="AJ29" s="232"/>
      <c r="AK29" s="232"/>
    </row>
    <row r="30" spans="1:56">
      <c r="A30" s="56" t="s">
        <v>358</v>
      </c>
      <c r="B30" s="132">
        <v>98</v>
      </c>
      <c r="C30" s="133">
        <v>5.2462609142199206</v>
      </c>
      <c r="D30" s="134">
        <v>0.24923048731613007</v>
      </c>
      <c r="P30" s="232"/>
      <c r="Q30" s="232"/>
      <c r="R30" s="232"/>
      <c r="S30" s="232"/>
      <c r="T30" s="232"/>
      <c r="U30" s="232"/>
      <c r="V30" s="232"/>
      <c r="W30" s="232"/>
      <c r="X30" s="232"/>
      <c r="Y30" s="232"/>
      <c r="Z30" s="232"/>
      <c r="AA30" s="232"/>
      <c r="AB30" s="232"/>
      <c r="AC30" s="232"/>
      <c r="AD30" s="232"/>
      <c r="AE30" s="232"/>
      <c r="AF30" s="232"/>
      <c r="AG30" s="232"/>
      <c r="AH30" s="232"/>
      <c r="AI30" s="232"/>
      <c r="AJ30" s="232"/>
      <c r="AK30" s="232"/>
    </row>
    <row r="31" spans="1:56">
      <c r="P31" s="232"/>
      <c r="Q31" s="232"/>
      <c r="R31" s="232"/>
      <c r="S31" s="232"/>
      <c r="T31" s="232"/>
      <c r="U31" s="232"/>
      <c r="V31" s="232"/>
      <c r="W31" s="232"/>
      <c r="X31" s="232"/>
      <c r="Y31" s="232"/>
      <c r="Z31" s="232"/>
      <c r="AA31" s="232"/>
      <c r="AB31" s="232"/>
      <c r="AC31" s="232"/>
      <c r="AD31" s="232"/>
      <c r="AE31" s="232"/>
      <c r="AF31" s="232"/>
      <c r="AG31" s="232"/>
      <c r="AH31" s="232"/>
      <c r="AI31" s="232"/>
      <c r="AJ31" s="232"/>
      <c r="AK31" s="232"/>
    </row>
    <row r="32" spans="1:56" ht="18.75">
      <c r="A32" s="358" t="s">
        <v>515</v>
      </c>
      <c r="B32" s="358"/>
      <c r="C32" s="358"/>
      <c r="D32" s="358"/>
      <c r="E32" s="358"/>
      <c r="F32" s="358"/>
      <c r="G32" s="358"/>
      <c r="H32" s="358"/>
      <c r="I32" s="358"/>
      <c r="J32" s="358"/>
      <c r="K32" s="358"/>
      <c r="L32" s="358"/>
      <c r="M32" s="358"/>
      <c r="N32" s="358"/>
      <c r="O32" s="358"/>
      <c r="P32" s="358"/>
      <c r="Q32" s="358"/>
      <c r="R32" s="358"/>
      <c r="S32" s="358"/>
      <c r="T32" s="358"/>
      <c r="U32" s="358"/>
      <c r="V32" s="358"/>
      <c r="W32" s="358"/>
      <c r="X32" s="358"/>
      <c r="Y32" s="358"/>
      <c r="Z32" s="358"/>
      <c r="AA32" s="358"/>
      <c r="AB32" s="358"/>
      <c r="AC32" s="358"/>
      <c r="AD32" s="358"/>
      <c r="AE32" s="358"/>
      <c r="AF32" s="358"/>
      <c r="AG32" s="358"/>
      <c r="AH32" s="358"/>
      <c r="AI32" s="358"/>
      <c r="AJ32" s="358"/>
      <c r="AK32" s="358"/>
      <c r="AL32" s="358"/>
      <c r="AM32" s="358"/>
      <c r="AN32" s="358"/>
      <c r="AO32" s="358"/>
      <c r="AP32" s="358"/>
      <c r="AQ32" s="358"/>
      <c r="AR32" s="358"/>
      <c r="AS32" s="358"/>
      <c r="AT32" s="358"/>
      <c r="AU32" s="358"/>
      <c r="AV32" s="358"/>
      <c r="AW32" s="358"/>
      <c r="AX32" s="358"/>
      <c r="AY32" s="358"/>
      <c r="AZ32" s="358"/>
      <c r="BA32" s="358"/>
      <c r="BB32" s="358"/>
      <c r="BC32" s="358"/>
      <c r="BD32" s="358"/>
    </row>
    <row r="33" spans="1:56" ht="69" customHeight="1">
      <c r="A33" s="343" t="s">
        <v>588</v>
      </c>
      <c r="B33" s="343"/>
      <c r="C33" s="343"/>
      <c r="D33" s="343"/>
      <c r="E33" s="343"/>
      <c r="F33" s="343"/>
      <c r="G33" s="343"/>
      <c r="H33" s="343"/>
      <c r="I33" s="343"/>
      <c r="J33" s="343"/>
      <c r="K33" s="343"/>
      <c r="L33" s="343"/>
      <c r="M33" s="343"/>
      <c r="N33" s="343"/>
      <c r="O33" s="343"/>
      <c r="P33" s="343"/>
      <c r="Q33" s="343"/>
      <c r="R33" s="343"/>
      <c r="S33" s="343"/>
      <c r="T33" s="343"/>
      <c r="U33" s="343"/>
      <c r="V33" s="343"/>
      <c r="W33" s="343"/>
      <c r="X33" s="343"/>
      <c r="Y33" s="343"/>
      <c r="Z33" s="343"/>
      <c r="AA33" s="343"/>
      <c r="AB33" s="343"/>
      <c r="AC33" s="343"/>
      <c r="AD33" s="343"/>
      <c r="AE33" s="343"/>
      <c r="AF33" s="343"/>
      <c r="AG33" s="343"/>
      <c r="AH33" s="343"/>
      <c r="AI33" s="343"/>
      <c r="AJ33" s="343"/>
      <c r="AK33" s="343"/>
      <c r="AL33" s="343"/>
      <c r="AM33" s="343"/>
      <c r="AN33" s="343"/>
      <c r="AO33" s="343"/>
      <c r="AP33" s="343"/>
      <c r="AQ33" s="343"/>
      <c r="AR33" s="343"/>
      <c r="AS33" s="343"/>
      <c r="AT33" s="343"/>
      <c r="AU33" s="343"/>
      <c r="AV33" s="343"/>
      <c r="AW33" s="343"/>
      <c r="AX33" s="343"/>
      <c r="AY33" s="343"/>
      <c r="AZ33" s="343"/>
      <c r="BA33" s="343"/>
      <c r="BB33" s="343"/>
      <c r="BC33" s="343"/>
      <c r="BD33" s="343"/>
    </row>
    <row r="34" spans="1:56" ht="39.75" customHeight="1">
      <c r="A34" s="63"/>
      <c r="B34" s="355" t="s">
        <v>381</v>
      </c>
      <c r="C34" s="356"/>
      <c r="D34" s="356"/>
      <c r="E34" s="356"/>
      <c r="F34" s="356"/>
      <c r="G34" s="356"/>
      <c r="H34" s="356"/>
      <c r="I34" s="356"/>
      <c r="J34" s="356"/>
      <c r="K34" s="356"/>
      <c r="L34" s="357"/>
      <c r="M34" s="353" t="s">
        <v>83</v>
      </c>
      <c r="N34" s="354"/>
      <c r="O34" s="354"/>
      <c r="P34" s="354"/>
      <c r="Q34" s="354"/>
      <c r="R34" s="354"/>
      <c r="S34" s="354"/>
      <c r="T34" s="354"/>
      <c r="U34" s="354"/>
      <c r="V34" s="354"/>
      <c r="W34" s="354"/>
      <c r="X34" s="355" t="s">
        <v>382</v>
      </c>
      <c r="Y34" s="356"/>
      <c r="Z34" s="356"/>
      <c r="AA34" s="356"/>
      <c r="AB34" s="356"/>
      <c r="AC34" s="356"/>
      <c r="AD34" s="356"/>
      <c r="AE34" s="356"/>
      <c r="AF34" s="356"/>
      <c r="AG34" s="356"/>
      <c r="AH34" s="357"/>
      <c r="AI34" s="353" t="s">
        <v>383</v>
      </c>
      <c r="AJ34" s="354"/>
      <c r="AK34" s="354"/>
      <c r="AL34" s="354"/>
      <c r="AM34" s="354"/>
      <c r="AN34" s="354"/>
      <c r="AO34" s="354"/>
      <c r="AP34" s="354"/>
      <c r="AQ34" s="354"/>
      <c r="AR34" s="354"/>
      <c r="AS34" s="354"/>
      <c r="AT34" s="355" t="s">
        <v>384</v>
      </c>
      <c r="AU34" s="356"/>
      <c r="AV34" s="356"/>
      <c r="AW34" s="356"/>
      <c r="AX34" s="356"/>
      <c r="AY34" s="356"/>
      <c r="AZ34" s="356"/>
      <c r="BA34" s="356"/>
      <c r="BB34" s="356"/>
      <c r="BC34" s="356"/>
      <c r="BD34" s="357"/>
    </row>
    <row r="35" spans="1:56" ht="72">
      <c r="A35" s="36" t="s">
        <v>70</v>
      </c>
      <c r="B35" s="37" t="s">
        <v>71</v>
      </c>
      <c r="C35" s="38" t="s">
        <v>594</v>
      </c>
      <c r="D35" s="39" t="s">
        <v>72</v>
      </c>
      <c r="E35" s="37" t="s">
        <v>156</v>
      </c>
      <c r="F35" s="88" t="s">
        <v>84</v>
      </c>
      <c r="G35" s="37" t="s">
        <v>157</v>
      </c>
      <c r="H35" s="88" t="s">
        <v>85</v>
      </c>
      <c r="I35" s="37" t="s">
        <v>158</v>
      </c>
      <c r="J35" s="88" t="s">
        <v>86</v>
      </c>
      <c r="K35" s="37" t="s">
        <v>301</v>
      </c>
      <c r="L35" s="88" t="s">
        <v>300</v>
      </c>
      <c r="M35" s="64" t="s">
        <v>71</v>
      </c>
      <c r="N35" s="64" t="s">
        <v>594</v>
      </c>
      <c r="O35" s="64" t="s">
        <v>72</v>
      </c>
      <c r="P35" s="64" t="s">
        <v>156</v>
      </c>
      <c r="Q35" s="87" t="s">
        <v>84</v>
      </c>
      <c r="R35" s="64" t="s">
        <v>157</v>
      </c>
      <c r="S35" s="87" t="s">
        <v>85</v>
      </c>
      <c r="T35" s="64" t="s">
        <v>158</v>
      </c>
      <c r="U35" s="87" t="s">
        <v>86</v>
      </c>
      <c r="V35" s="64" t="s">
        <v>301</v>
      </c>
      <c r="W35" s="87" t="s">
        <v>300</v>
      </c>
      <c r="X35" s="37" t="s">
        <v>71</v>
      </c>
      <c r="Y35" s="38" t="s">
        <v>594</v>
      </c>
      <c r="Z35" s="39" t="s">
        <v>72</v>
      </c>
      <c r="AA35" s="37" t="s">
        <v>156</v>
      </c>
      <c r="AB35" s="88" t="s">
        <v>84</v>
      </c>
      <c r="AC35" s="37" t="s">
        <v>157</v>
      </c>
      <c r="AD35" s="88" t="s">
        <v>85</v>
      </c>
      <c r="AE35" s="37" t="s">
        <v>158</v>
      </c>
      <c r="AF35" s="88" t="s">
        <v>86</v>
      </c>
      <c r="AG35" s="37" t="s">
        <v>301</v>
      </c>
      <c r="AH35" s="88" t="s">
        <v>300</v>
      </c>
      <c r="AI35" s="64" t="s">
        <v>71</v>
      </c>
      <c r="AJ35" s="64" t="s">
        <v>594</v>
      </c>
      <c r="AK35" s="64" t="s">
        <v>72</v>
      </c>
      <c r="AL35" s="64" t="s">
        <v>156</v>
      </c>
      <c r="AM35" s="87" t="s">
        <v>84</v>
      </c>
      <c r="AN35" s="64" t="s">
        <v>157</v>
      </c>
      <c r="AO35" s="87" t="s">
        <v>85</v>
      </c>
      <c r="AP35" s="64" t="s">
        <v>158</v>
      </c>
      <c r="AQ35" s="87" t="s">
        <v>86</v>
      </c>
      <c r="AR35" s="64" t="s">
        <v>301</v>
      </c>
      <c r="AS35" s="87" t="s">
        <v>300</v>
      </c>
      <c r="AT35" s="37" t="s">
        <v>71</v>
      </c>
      <c r="AU35" s="38" t="s">
        <v>594</v>
      </c>
      <c r="AV35" s="39" t="s">
        <v>72</v>
      </c>
      <c r="AW35" s="37" t="s">
        <v>156</v>
      </c>
      <c r="AX35" s="88" t="s">
        <v>84</v>
      </c>
      <c r="AY35" s="37" t="s">
        <v>157</v>
      </c>
      <c r="AZ35" s="88" t="s">
        <v>85</v>
      </c>
      <c r="BA35" s="37" t="s">
        <v>158</v>
      </c>
      <c r="BB35" s="88" t="s">
        <v>86</v>
      </c>
      <c r="BC35" s="37" t="s">
        <v>301</v>
      </c>
      <c r="BD35" s="88" t="s">
        <v>300</v>
      </c>
    </row>
    <row r="36" spans="1:56" ht="92.25" customHeight="1">
      <c r="A36" s="40"/>
      <c r="B36" s="41" t="s">
        <v>73</v>
      </c>
      <c r="C36" s="42" t="s">
        <v>302</v>
      </c>
      <c r="D36" s="43" t="s">
        <v>75</v>
      </c>
      <c r="E36" s="41" t="s">
        <v>159</v>
      </c>
      <c r="F36" s="90" t="s">
        <v>87</v>
      </c>
      <c r="G36" s="41" t="s">
        <v>160</v>
      </c>
      <c r="H36" s="90" t="s">
        <v>87</v>
      </c>
      <c r="I36" s="41" t="s">
        <v>161</v>
      </c>
      <c r="J36" s="90" t="s">
        <v>87</v>
      </c>
      <c r="K36" s="41" t="s">
        <v>301</v>
      </c>
      <c r="L36" s="90" t="s">
        <v>87</v>
      </c>
      <c r="M36" s="67" t="s">
        <v>73</v>
      </c>
      <c r="N36" s="67" t="s">
        <v>302</v>
      </c>
      <c r="O36" s="67" t="s">
        <v>75</v>
      </c>
      <c r="P36" s="67" t="s">
        <v>159</v>
      </c>
      <c r="Q36" s="89" t="s">
        <v>87</v>
      </c>
      <c r="R36" s="67" t="s">
        <v>160</v>
      </c>
      <c r="S36" s="89" t="s">
        <v>87</v>
      </c>
      <c r="T36" s="67" t="s">
        <v>161</v>
      </c>
      <c r="U36" s="89" t="s">
        <v>87</v>
      </c>
      <c r="V36" s="67" t="s">
        <v>301</v>
      </c>
      <c r="W36" s="89" t="s">
        <v>87</v>
      </c>
      <c r="X36" s="41" t="s">
        <v>73</v>
      </c>
      <c r="Y36" s="42" t="s">
        <v>302</v>
      </c>
      <c r="Z36" s="43" t="s">
        <v>75</v>
      </c>
      <c r="AA36" s="41" t="s">
        <v>159</v>
      </c>
      <c r="AB36" s="90" t="s">
        <v>87</v>
      </c>
      <c r="AC36" s="41" t="s">
        <v>160</v>
      </c>
      <c r="AD36" s="90" t="s">
        <v>87</v>
      </c>
      <c r="AE36" s="41" t="s">
        <v>161</v>
      </c>
      <c r="AF36" s="90" t="s">
        <v>87</v>
      </c>
      <c r="AG36" s="41" t="s">
        <v>301</v>
      </c>
      <c r="AH36" s="90" t="s">
        <v>87</v>
      </c>
      <c r="AI36" s="67" t="s">
        <v>73</v>
      </c>
      <c r="AJ36" s="67" t="s">
        <v>302</v>
      </c>
      <c r="AK36" s="67" t="s">
        <v>75</v>
      </c>
      <c r="AL36" s="67" t="s">
        <v>159</v>
      </c>
      <c r="AM36" s="89" t="s">
        <v>87</v>
      </c>
      <c r="AN36" s="67" t="s">
        <v>160</v>
      </c>
      <c r="AO36" s="89" t="s">
        <v>87</v>
      </c>
      <c r="AP36" s="67" t="s">
        <v>161</v>
      </c>
      <c r="AQ36" s="89" t="s">
        <v>87</v>
      </c>
      <c r="AR36" s="67" t="s">
        <v>301</v>
      </c>
      <c r="AS36" s="89" t="s">
        <v>87</v>
      </c>
      <c r="AT36" s="41" t="s">
        <v>73</v>
      </c>
      <c r="AU36" s="42" t="s">
        <v>302</v>
      </c>
      <c r="AV36" s="43" t="s">
        <v>75</v>
      </c>
      <c r="AW36" s="41" t="s">
        <v>159</v>
      </c>
      <c r="AX36" s="90" t="s">
        <v>87</v>
      </c>
      <c r="AY36" s="41" t="s">
        <v>160</v>
      </c>
      <c r="AZ36" s="90" t="s">
        <v>87</v>
      </c>
      <c r="BA36" s="41" t="s">
        <v>161</v>
      </c>
      <c r="BB36" s="90" t="s">
        <v>87</v>
      </c>
      <c r="BC36" s="41" t="s">
        <v>301</v>
      </c>
      <c r="BD36" s="90" t="s">
        <v>87</v>
      </c>
    </row>
    <row r="37" spans="1:56">
      <c r="A37" s="44" t="s">
        <v>349</v>
      </c>
      <c r="B37" s="99">
        <v>14077</v>
      </c>
      <c r="C37" s="100">
        <v>5.6717195030164307</v>
      </c>
      <c r="D37" s="101">
        <v>2.2006655167935329E-2</v>
      </c>
      <c r="E37" s="92">
        <v>6.7939177629308845E-2</v>
      </c>
      <c r="F37" s="93">
        <v>4.2448158483552227E-3</v>
      </c>
      <c r="G37" s="92">
        <v>9.8358568809517877E-2</v>
      </c>
      <c r="H37" s="93">
        <v>5.0218130243042756E-3</v>
      </c>
      <c r="I37" s="92">
        <v>0.8257634858875279</v>
      </c>
      <c r="J37" s="93">
        <v>6.3944270113314647E-3</v>
      </c>
      <c r="K37" s="92">
        <v>7.9387676736491011E-3</v>
      </c>
      <c r="L37" s="93">
        <v>1.5087543635825945E-3</v>
      </c>
      <c r="M37" s="91">
        <v>13888</v>
      </c>
      <c r="N37" s="100">
        <v>4.7609655299294502</v>
      </c>
      <c r="O37" s="101">
        <v>2.4780577644294373E-2</v>
      </c>
      <c r="P37" s="92">
        <v>0.16101703319469568</v>
      </c>
      <c r="Q37" s="93">
        <v>6.2383023087637032E-3</v>
      </c>
      <c r="R37" s="92">
        <v>0.20081184660958318</v>
      </c>
      <c r="S37" s="93">
        <v>6.7988665767560385E-3</v>
      </c>
      <c r="T37" s="92">
        <v>0.55179722526924591</v>
      </c>
      <c r="U37" s="93">
        <v>8.4387086173694625E-3</v>
      </c>
      <c r="V37" s="92">
        <v>8.6373894926489211E-2</v>
      </c>
      <c r="W37" s="93">
        <v>4.7697323725509047E-3</v>
      </c>
      <c r="X37" s="99">
        <v>13988</v>
      </c>
      <c r="Y37" s="100">
        <v>5.4647883414652423</v>
      </c>
      <c r="Z37" s="101">
        <v>2.3873255796919322E-2</v>
      </c>
      <c r="AA37" s="92">
        <v>9.493294388461665E-2</v>
      </c>
      <c r="AB37" s="93">
        <v>4.9587918774402833E-3</v>
      </c>
      <c r="AC37" s="92">
        <v>0.13882229336557911</v>
      </c>
      <c r="AD37" s="93">
        <v>5.8479211209676108E-3</v>
      </c>
      <c r="AE37" s="92">
        <v>0.75480760630495358</v>
      </c>
      <c r="AF37" s="93">
        <v>7.2745355965066223E-3</v>
      </c>
      <c r="AG37" s="92">
        <v>1.1437156444856489E-2</v>
      </c>
      <c r="AH37" s="93">
        <v>1.8086573734438583E-3</v>
      </c>
      <c r="AI37" s="91">
        <v>13944</v>
      </c>
      <c r="AJ37" s="100">
        <v>5.3636066188661893</v>
      </c>
      <c r="AK37" s="101">
        <v>2.4887361890588471E-2</v>
      </c>
      <c r="AL37" s="92">
        <v>9.8959852403268211E-2</v>
      </c>
      <c r="AM37" s="93">
        <v>5.0594128305096559E-3</v>
      </c>
      <c r="AN37" s="92">
        <v>0.13544595495136738</v>
      </c>
      <c r="AO37" s="93">
        <v>5.796881252894309E-3</v>
      </c>
      <c r="AP37" s="92">
        <v>0.73981757192299402</v>
      </c>
      <c r="AQ37" s="93">
        <v>7.4304058022558496E-3</v>
      </c>
      <c r="AR37" s="92">
        <v>2.5776620722375066E-2</v>
      </c>
      <c r="AS37" s="93">
        <v>2.6904729721280692E-3</v>
      </c>
      <c r="AT37" s="99">
        <v>13946</v>
      </c>
      <c r="AU37" s="100">
        <v>5.2427828296385561</v>
      </c>
      <c r="AV37" s="101">
        <v>2.4062594200143159E-2</v>
      </c>
      <c r="AW37" s="92">
        <v>0.11644986583040216</v>
      </c>
      <c r="AX37" s="93">
        <v>5.4338286480597135E-3</v>
      </c>
      <c r="AY37" s="92">
        <v>0.16078765872578515</v>
      </c>
      <c r="AZ37" s="93">
        <v>6.2217324091287576E-3</v>
      </c>
      <c r="BA37" s="92">
        <v>0.70942705138245044</v>
      </c>
      <c r="BB37" s="93">
        <v>7.6886633308146631E-3</v>
      </c>
      <c r="BC37" s="92">
        <v>1.3335424061372461E-2</v>
      </c>
      <c r="BD37" s="93">
        <v>1.95236422490348E-3</v>
      </c>
    </row>
    <row r="38" spans="1:56">
      <c r="A38" s="48" t="s">
        <v>350</v>
      </c>
      <c r="B38" s="103">
        <v>10234</v>
      </c>
      <c r="C38" s="104">
        <v>5.8006953589647354</v>
      </c>
      <c r="D38" s="105">
        <v>2.5271619982050172E-2</v>
      </c>
      <c r="E38" s="95">
        <v>5.9659676196670029E-2</v>
      </c>
      <c r="F38" s="96">
        <v>4.6880363081661094E-3</v>
      </c>
      <c r="G38" s="95">
        <v>8.7849764391385393E-2</v>
      </c>
      <c r="H38" s="96">
        <v>5.5999641570346195E-3</v>
      </c>
      <c r="I38" s="95">
        <v>0.84853044784628484</v>
      </c>
      <c r="J38" s="96">
        <v>7.0889040262602544E-3</v>
      </c>
      <c r="K38" s="95">
        <v>3.9601115656494072E-3</v>
      </c>
      <c r="L38" s="96">
        <v>1.2712979478293133E-3</v>
      </c>
      <c r="M38" s="94">
        <v>10171</v>
      </c>
      <c r="N38" s="104">
        <v>4.9518092136617637</v>
      </c>
      <c r="O38" s="105">
        <v>2.8316101659227592E-2</v>
      </c>
      <c r="P38" s="95">
        <v>0.13800811947648678</v>
      </c>
      <c r="Q38" s="96">
        <v>6.8415520660949705E-3</v>
      </c>
      <c r="R38" s="95">
        <v>0.17956461148555583</v>
      </c>
      <c r="S38" s="96">
        <v>7.6122719028059805E-3</v>
      </c>
      <c r="T38" s="95">
        <v>0.61278144913559662</v>
      </c>
      <c r="U38" s="96">
        <v>9.6583473281565656E-3</v>
      </c>
      <c r="V38" s="95">
        <v>6.9645819902353454E-2</v>
      </c>
      <c r="W38" s="96">
        <v>5.0526803767661395E-3</v>
      </c>
      <c r="X38" s="103">
        <v>10172</v>
      </c>
      <c r="Y38" s="104">
        <v>5.5869534231471416</v>
      </c>
      <c r="Z38" s="105">
        <v>2.764728689001332E-2</v>
      </c>
      <c r="AA38" s="95">
        <v>9.1978480837174081E-2</v>
      </c>
      <c r="AB38" s="96">
        <v>5.7341967651713087E-3</v>
      </c>
      <c r="AC38" s="95">
        <v>0.1198177965089597</v>
      </c>
      <c r="AD38" s="96">
        <v>6.4420219270535962E-3</v>
      </c>
      <c r="AE38" s="95">
        <v>0.78034738616704957</v>
      </c>
      <c r="AF38" s="96">
        <v>8.2097866696426124E-3</v>
      </c>
      <c r="AG38" s="95">
        <v>7.8563364868076968E-3</v>
      </c>
      <c r="AH38" s="96">
        <v>1.7716528897605086E-3</v>
      </c>
      <c r="AI38" s="94">
        <v>10132</v>
      </c>
      <c r="AJ38" s="104">
        <v>5.3689438075203624</v>
      </c>
      <c r="AK38" s="105">
        <v>2.9776632696467912E-2</v>
      </c>
      <c r="AL38" s="95">
        <v>0.10558743794912794</v>
      </c>
      <c r="AM38" s="96">
        <v>6.1087709107046752E-3</v>
      </c>
      <c r="AN38" s="95">
        <v>0.13562741111890766</v>
      </c>
      <c r="AO38" s="96">
        <v>6.8047926543176093E-3</v>
      </c>
      <c r="AP38" s="95">
        <v>0.73746734649363577</v>
      </c>
      <c r="AQ38" s="96">
        <v>8.7419769929064986E-3</v>
      </c>
      <c r="AR38" s="95">
        <v>2.1317804438321323E-2</v>
      </c>
      <c r="AS38" s="96">
        <v>2.8817917428090381E-3</v>
      </c>
      <c r="AT38" s="103">
        <v>10137</v>
      </c>
      <c r="AU38" s="104">
        <v>5.3929460011779753</v>
      </c>
      <c r="AV38" s="105">
        <v>2.7648857802395448E-2</v>
      </c>
      <c r="AW38" s="95">
        <v>0.10402958928087169</v>
      </c>
      <c r="AX38" s="96">
        <v>6.0674023478873556E-3</v>
      </c>
      <c r="AY38" s="95">
        <v>0.13741601575282386</v>
      </c>
      <c r="AZ38" s="96">
        <v>6.8406733060973873E-3</v>
      </c>
      <c r="BA38" s="95">
        <v>0.74984691661001823</v>
      </c>
      <c r="BB38" s="96">
        <v>8.6027208045495827E-3</v>
      </c>
      <c r="BC38" s="95">
        <v>8.70747835627869E-3</v>
      </c>
      <c r="BD38" s="96">
        <v>1.86540820302059E-3</v>
      </c>
    </row>
    <row r="39" spans="1:56">
      <c r="A39" s="44" t="s">
        <v>351</v>
      </c>
      <c r="B39" s="99">
        <v>3843</v>
      </c>
      <c r="C39" s="100">
        <v>5.5695685726458244</v>
      </c>
      <c r="D39" s="101">
        <v>4.3671051724268904E-2</v>
      </c>
      <c r="E39" s="92">
        <v>7.4449882927680469E-2</v>
      </c>
      <c r="F39" s="93">
        <v>8.4875781931290414E-3</v>
      </c>
      <c r="G39" s="92">
        <v>0.10662231864534301</v>
      </c>
      <c r="H39" s="93">
        <v>9.9687910920710637E-3</v>
      </c>
      <c r="I39" s="92">
        <v>0.80786035717153071</v>
      </c>
      <c r="J39" s="93">
        <v>1.2712206754343047E-2</v>
      </c>
      <c r="K39" s="92">
        <v>1.1067441255447584E-2</v>
      </c>
      <c r="L39" s="93">
        <v>3.4491847089210535E-3</v>
      </c>
      <c r="M39" s="91">
        <v>3717</v>
      </c>
      <c r="N39" s="100">
        <v>4.601883811526486</v>
      </c>
      <c r="O39" s="101">
        <v>4.8929803325579023E-2</v>
      </c>
      <c r="P39" s="92">
        <v>0.17957361283544582</v>
      </c>
      <c r="Q39" s="93">
        <v>1.2594071914070342E-2</v>
      </c>
      <c r="R39" s="92">
        <v>0.21794764083061524</v>
      </c>
      <c r="S39" s="93">
        <v>1.3542905101077555E-2</v>
      </c>
      <c r="T39" s="92">
        <v>0.50261373834476852</v>
      </c>
      <c r="U39" s="93">
        <v>1.6393219114925386E-2</v>
      </c>
      <c r="V39" s="92">
        <v>9.9865007989171237E-2</v>
      </c>
      <c r="W39" s="93">
        <v>9.8489548838999168E-3</v>
      </c>
      <c r="X39" s="99">
        <v>3816</v>
      </c>
      <c r="Y39" s="100">
        <v>5.3680021337149011</v>
      </c>
      <c r="Z39" s="101">
        <v>4.6310427609142078E-2</v>
      </c>
      <c r="AA39" s="92">
        <v>9.7258541741567991E-2</v>
      </c>
      <c r="AB39" s="93">
        <v>9.6068707549487944E-3</v>
      </c>
      <c r="AC39" s="92">
        <v>0.15378163333786277</v>
      </c>
      <c r="AD39" s="93">
        <v>1.1684497352447126E-2</v>
      </c>
      <c r="AE39" s="92">
        <v>0.73470403541554274</v>
      </c>
      <c r="AF39" s="93">
        <v>1.4290527697099509E-2</v>
      </c>
      <c r="AG39" s="92">
        <v>1.4255789505028236E-2</v>
      </c>
      <c r="AH39" s="93">
        <v>3.902802593986324E-3</v>
      </c>
      <c r="AI39" s="91">
        <v>3812</v>
      </c>
      <c r="AJ39" s="100">
        <v>5.3593951931661827</v>
      </c>
      <c r="AK39" s="101">
        <v>4.4941211060316094E-2</v>
      </c>
      <c r="AL39" s="92">
        <v>9.3772684357470021E-2</v>
      </c>
      <c r="AM39" s="93">
        <v>9.4572380803216761E-3</v>
      </c>
      <c r="AN39" s="92">
        <v>0.13530393586651437</v>
      </c>
      <c r="AO39" s="93">
        <v>1.108739190888117E-2</v>
      </c>
      <c r="AP39" s="92">
        <v>0.74165700713861027</v>
      </c>
      <c r="AQ39" s="93">
        <v>1.4176347215489897E-2</v>
      </c>
      <c r="AR39" s="92">
        <v>2.9266372637407598E-2</v>
      </c>
      <c r="AS39" s="93">
        <v>5.5014919047469413E-3</v>
      </c>
      <c r="AT39" s="99">
        <v>3809</v>
      </c>
      <c r="AU39" s="100">
        <v>5.1237387333291071</v>
      </c>
      <c r="AV39" s="101">
        <v>4.7389960806706481E-2</v>
      </c>
      <c r="AW39" s="92">
        <v>0.12621411834361967</v>
      </c>
      <c r="AX39" s="93">
        <v>1.0770334328048033E-2</v>
      </c>
      <c r="AY39" s="92">
        <v>0.17916137389442194</v>
      </c>
      <c r="AZ39" s="93">
        <v>1.2429858142465144E-2</v>
      </c>
      <c r="BA39" s="92">
        <v>0.67765080477001594</v>
      </c>
      <c r="BB39" s="93">
        <v>1.5140096599956869E-2</v>
      </c>
      <c r="BC39" s="92">
        <v>1.6973702991942313E-2</v>
      </c>
      <c r="BD39" s="93">
        <v>4.2446619666232479E-3</v>
      </c>
    </row>
    <row r="40" spans="1:56">
      <c r="A40" s="48" t="s">
        <v>558</v>
      </c>
      <c r="B40" s="103">
        <v>342</v>
      </c>
      <c r="C40" s="104">
        <v>5.6238571160346869</v>
      </c>
      <c r="D40" s="105">
        <v>0.13693197801023971</v>
      </c>
      <c r="E40" s="95">
        <v>5.7502760119129269E-2</v>
      </c>
      <c r="F40" s="96">
        <v>2.6049592376985696E-2</v>
      </c>
      <c r="G40" s="95">
        <v>0.11347109486629624</v>
      </c>
      <c r="H40" s="96">
        <v>3.4679353541465362E-2</v>
      </c>
      <c r="I40" s="95">
        <v>0.82624917032863554</v>
      </c>
      <c r="J40" s="96">
        <v>4.1084750931050594E-2</v>
      </c>
      <c r="K40" s="95">
        <v>2.7769746859395011E-3</v>
      </c>
      <c r="L40" s="96">
        <v>9.8852014200333151E-3</v>
      </c>
      <c r="M40" s="94">
        <v>334</v>
      </c>
      <c r="N40" s="104">
        <v>4.6230258238588515</v>
      </c>
      <c r="O40" s="105">
        <v>0.15712741735381811</v>
      </c>
      <c r="P40" s="95">
        <v>0.17076530577540924</v>
      </c>
      <c r="Q40" s="96">
        <v>4.1303453269536335E-2</v>
      </c>
      <c r="R40" s="95">
        <v>0.23951722064271574</v>
      </c>
      <c r="S40" s="96">
        <v>4.6631523789956456E-2</v>
      </c>
      <c r="T40" s="95">
        <v>0.4945292098604871</v>
      </c>
      <c r="U40" s="96">
        <v>5.4389649930734696E-2</v>
      </c>
      <c r="V40" s="95">
        <v>9.5188263721388611E-2</v>
      </c>
      <c r="W40" s="96">
        <v>3.263264196591413E-2</v>
      </c>
      <c r="X40" s="103">
        <v>340</v>
      </c>
      <c r="Y40" s="104">
        <v>5.2692877980237638</v>
      </c>
      <c r="Z40" s="105">
        <v>0.14976487678164033</v>
      </c>
      <c r="AA40" s="95">
        <v>9.3270048556335694E-2</v>
      </c>
      <c r="AB40" s="96">
        <v>3.2060185252261793E-2</v>
      </c>
      <c r="AC40" s="95">
        <v>0.14913191041515109</v>
      </c>
      <c r="AD40" s="96">
        <v>3.8840449555886239E-2</v>
      </c>
      <c r="AE40" s="95">
        <v>0.75489543050070029</v>
      </c>
      <c r="AF40" s="96">
        <v>4.6572087672902239E-2</v>
      </c>
      <c r="AG40" s="95">
        <v>2.7026105278137209E-3</v>
      </c>
      <c r="AH40" s="96">
        <v>9.8907642732617724E-3</v>
      </c>
      <c r="AI40" s="94">
        <v>338</v>
      </c>
      <c r="AJ40" s="104">
        <v>5.3665351882726036</v>
      </c>
      <c r="AK40" s="105">
        <v>0.14240758391333624</v>
      </c>
      <c r="AL40" s="95">
        <v>8.098408156333102E-2</v>
      </c>
      <c r="AM40" s="96">
        <v>3.0302306214420354E-2</v>
      </c>
      <c r="AN40" s="95">
        <v>0.12773430541062164</v>
      </c>
      <c r="AO40" s="96">
        <v>3.6617347013914302E-2</v>
      </c>
      <c r="AP40" s="95">
        <v>0.77284519050426104</v>
      </c>
      <c r="AQ40" s="96">
        <v>4.5536016232736967E-2</v>
      </c>
      <c r="AR40" s="95">
        <v>1.8436422521786979E-2</v>
      </c>
      <c r="AS40" s="96">
        <v>1.6574990170097195E-2</v>
      </c>
      <c r="AT40" s="103">
        <v>338</v>
      </c>
      <c r="AU40" s="104">
        <v>4.9596641859858144</v>
      </c>
      <c r="AV40" s="105">
        <v>0.15425766062273633</v>
      </c>
      <c r="AW40" s="95">
        <v>0.13536773321322149</v>
      </c>
      <c r="AX40" s="96">
        <v>3.7484534092854953E-2</v>
      </c>
      <c r="AY40" s="95">
        <v>0.20259515305852457</v>
      </c>
      <c r="AZ40" s="96">
        <v>4.3743972699186104E-2</v>
      </c>
      <c r="BA40" s="95">
        <v>0.6519639526214156</v>
      </c>
      <c r="BB40" s="96">
        <v>5.1576773666371228E-2</v>
      </c>
      <c r="BC40" s="95">
        <v>1.0073161106839274E-2</v>
      </c>
      <c r="BD40" s="96">
        <v>1.3487510053335008E-2</v>
      </c>
    </row>
    <row r="41" spans="1:56">
      <c r="A41" s="44" t="s">
        <v>559</v>
      </c>
      <c r="B41" s="99">
        <v>3631</v>
      </c>
      <c r="C41" s="100">
        <v>5.6857345371566446</v>
      </c>
      <c r="D41" s="101">
        <v>4.3461484668213771E-2</v>
      </c>
      <c r="E41" s="92">
        <v>6.4422909988741256E-2</v>
      </c>
      <c r="F41" s="93">
        <v>8.1721455166755014E-3</v>
      </c>
      <c r="G41" s="92">
        <v>0.10428312536039021</v>
      </c>
      <c r="H41" s="93">
        <v>1.0157093281881191E-2</v>
      </c>
      <c r="I41" s="92">
        <v>0.82623454448106104</v>
      </c>
      <c r="J41" s="93">
        <v>1.2579546058469117E-2</v>
      </c>
      <c r="K41" s="92">
        <v>5.0594201698127093E-3</v>
      </c>
      <c r="L41" s="93">
        <v>2.4763316636268696E-3</v>
      </c>
      <c r="M41" s="91">
        <v>3604</v>
      </c>
      <c r="N41" s="100">
        <v>4.8083551459704319</v>
      </c>
      <c r="O41" s="101">
        <v>4.8035899014414615E-2</v>
      </c>
      <c r="P41" s="92">
        <v>0.15858262816947241</v>
      </c>
      <c r="Q41" s="93">
        <v>1.2174475122364296E-2</v>
      </c>
      <c r="R41" s="92">
        <v>0.18722697015620796</v>
      </c>
      <c r="S41" s="93">
        <v>1.2997945548091463E-2</v>
      </c>
      <c r="T41" s="92">
        <v>0.57411238854652236</v>
      </c>
      <c r="U41" s="93">
        <v>1.6464687938849996E-2</v>
      </c>
      <c r="V41" s="92">
        <v>8.0078013127807879E-2</v>
      </c>
      <c r="W41" s="93">
        <v>9.0610331210441639E-3</v>
      </c>
      <c r="X41" s="99">
        <v>3616</v>
      </c>
      <c r="Y41" s="100">
        <v>5.4772283500165679</v>
      </c>
      <c r="Z41" s="101">
        <v>4.7137388006047588E-2</v>
      </c>
      <c r="AA41" s="92">
        <v>9.3725307741595945E-2</v>
      </c>
      <c r="AB41" s="93">
        <v>9.7087671519248651E-3</v>
      </c>
      <c r="AC41" s="92">
        <v>0.14545969331427946</v>
      </c>
      <c r="AD41" s="93">
        <v>1.173269525910807E-2</v>
      </c>
      <c r="AE41" s="92">
        <v>0.75369808490911216</v>
      </c>
      <c r="AF41" s="93">
        <v>1.4327635899740305E-2</v>
      </c>
      <c r="AG41" s="92">
        <v>7.1169140350194251E-3</v>
      </c>
      <c r="AH41" s="93">
        <v>2.8984349162268375E-3</v>
      </c>
      <c r="AI41" s="91">
        <v>3598</v>
      </c>
      <c r="AJ41" s="100">
        <v>5.3488889744277168</v>
      </c>
      <c r="AK41" s="101">
        <v>5.0474976055626675E-2</v>
      </c>
      <c r="AL41" s="92">
        <v>0.10421059256677348</v>
      </c>
      <c r="AM41" s="93">
        <v>1.0200568728801197E-2</v>
      </c>
      <c r="AN41" s="92">
        <v>0.13638355994534224</v>
      </c>
      <c r="AO41" s="93">
        <v>1.1450910299898453E-2</v>
      </c>
      <c r="AP41" s="92">
        <v>0.73581326387780377</v>
      </c>
      <c r="AQ41" s="93">
        <v>1.4697223332025295E-2</v>
      </c>
      <c r="AR41" s="92">
        <v>2.3592583610087408E-2</v>
      </c>
      <c r="AS41" s="93">
        <v>5.1128061201722854E-3</v>
      </c>
      <c r="AT41" s="99">
        <v>3603</v>
      </c>
      <c r="AU41" s="100">
        <v>5.2595716081418677</v>
      </c>
      <c r="AV41" s="101">
        <v>4.6791935218500447E-2</v>
      </c>
      <c r="AW41" s="92">
        <v>0.11206221546123141</v>
      </c>
      <c r="AX41" s="93">
        <v>1.0522152489084677E-2</v>
      </c>
      <c r="AY41" s="92">
        <v>0.17601595610884815</v>
      </c>
      <c r="AZ41" s="93">
        <v>1.2692302964892833E-2</v>
      </c>
      <c r="BA41" s="92">
        <v>0.70450499387713605</v>
      </c>
      <c r="BB41" s="93">
        <v>1.5197449704777042E-2</v>
      </c>
      <c r="BC41" s="92">
        <v>7.4168345527917913E-3</v>
      </c>
      <c r="BD41" s="93">
        <v>2.9597945868191761E-3</v>
      </c>
    </row>
    <row r="42" spans="1:56">
      <c r="A42" s="48" t="s">
        <v>560</v>
      </c>
      <c r="B42" s="103">
        <v>2967</v>
      </c>
      <c r="C42" s="104">
        <v>5.9073435355905186</v>
      </c>
      <c r="D42" s="105">
        <v>4.7496602565426392E-2</v>
      </c>
      <c r="E42" s="95">
        <v>5.123830313360514E-2</v>
      </c>
      <c r="F42" s="96">
        <v>8.1350804252298993E-3</v>
      </c>
      <c r="G42" s="95">
        <v>7.7293036169531273E-2</v>
      </c>
      <c r="H42" s="96">
        <v>9.8319527276672682E-3</v>
      </c>
      <c r="I42" s="95">
        <v>0.87010399029363039</v>
      </c>
      <c r="J42" s="96">
        <v>1.2355751356980187E-2</v>
      </c>
      <c r="K42" s="95">
        <v>1.3646704032321297E-3</v>
      </c>
      <c r="L42" s="96">
        <v>1.6539628461988028E-3</v>
      </c>
      <c r="M42" s="94">
        <v>2954</v>
      </c>
      <c r="N42" s="104">
        <v>4.9714986124797855</v>
      </c>
      <c r="O42" s="105">
        <v>5.2017025766217348E-2</v>
      </c>
      <c r="P42" s="95">
        <v>0.13125062722218961</v>
      </c>
      <c r="Q42" s="96">
        <v>1.2437342780668959E-2</v>
      </c>
      <c r="R42" s="95">
        <v>0.18355586592491155</v>
      </c>
      <c r="S42" s="96">
        <v>1.4248530528314455E-2</v>
      </c>
      <c r="T42" s="95">
        <v>0.62624189815281606</v>
      </c>
      <c r="U42" s="96">
        <v>1.7792510680276912E-2</v>
      </c>
      <c r="V42" s="95">
        <v>5.8951608700079976E-2</v>
      </c>
      <c r="W42" s="96">
        <v>8.7022768679361606E-3</v>
      </c>
      <c r="X42" s="103">
        <v>2957</v>
      </c>
      <c r="Y42" s="104">
        <v>5.68538549356124</v>
      </c>
      <c r="Z42" s="105">
        <v>5.1519225849517972E-2</v>
      </c>
      <c r="AA42" s="95">
        <v>8.0105016846452243E-2</v>
      </c>
      <c r="AB42" s="96">
        <v>1.0009400431740784E-2</v>
      </c>
      <c r="AC42" s="95">
        <v>0.10625353756442549</v>
      </c>
      <c r="AD42" s="96">
        <v>1.1351277042724109E-2</v>
      </c>
      <c r="AE42" s="95">
        <v>0.81049822730191978</v>
      </c>
      <c r="AF42" s="96">
        <v>1.4416544221068911E-2</v>
      </c>
      <c r="AG42" s="95">
        <v>3.1432182872009719E-3</v>
      </c>
      <c r="AH42" s="96">
        <v>2.2656621578951482E-3</v>
      </c>
      <c r="AI42" s="94">
        <v>2938</v>
      </c>
      <c r="AJ42" s="104">
        <v>5.45398406479136</v>
      </c>
      <c r="AK42" s="105">
        <v>5.6518656002963144E-2</v>
      </c>
      <c r="AL42" s="95">
        <v>9.8640171743986899E-2</v>
      </c>
      <c r="AM42" s="96">
        <v>1.1021765244208238E-2</v>
      </c>
      <c r="AN42" s="95">
        <v>0.11888494819705757</v>
      </c>
      <c r="AO42" s="96">
        <v>1.195652756785591E-2</v>
      </c>
      <c r="AP42" s="95">
        <v>0.76419384976225335</v>
      </c>
      <c r="AQ42" s="96">
        <v>1.5660889691840821E-2</v>
      </c>
      <c r="AR42" s="95">
        <v>1.8281030296700737E-2</v>
      </c>
      <c r="AS42" s="96">
        <v>5.0257546340416754E-3</v>
      </c>
      <c r="AT42" s="103">
        <v>2942</v>
      </c>
      <c r="AU42" s="104">
        <v>5.4598875289574638</v>
      </c>
      <c r="AV42" s="105">
        <v>5.0860861218537085E-2</v>
      </c>
      <c r="AW42" s="95">
        <v>8.7852457436525547E-2</v>
      </c>
      <c r="AX42" s="96">
        <v>1.0460890726950282E-2</v>
      </c>
      <c r="AY42" s="95">
        <v>0.1444532850412594</v>
      </c>
      <c r="AZ42" s="96">
        <v>1.2971826072798766E-2</v>
      </c>
      <c r="BA42" s="95">
        <v>0.76535086222468396</v>
      </c>
      <c r="BB42" s="96">
        <v>1.5623714922752161E-2</v>
      </c>
      <c r="BC42" s="95">
        <v>2.3433952975288603E-3</v>
      </c>
      <c r="BD42" s="96">
        <v>2.0216026653771218E-3</v>
      </c>
    </row>
    <row r="43" spans="1:56">
      <c r="A43" s="44" t="s">
        <v>368</v>
      </c>
      <c r="B43" s="99">
        <v>159</v>
      </c>
      <c r="C43" s="100">
        <v>5.9316142510798002</v>
      </c>
      <c r="D43" s="101">
        <v>0.19176881649060928</v>
      </c>
      <c r="E43" s="92">
        <v>4.1564812620704716E-2</v>
      </c>
      <c r="F43" s="93">
        <v>3.5037353400254975E-2</v>
      </c>
      <c r="G43" s="92">
        <v>6.9583632887909405E-2</v>
      </c>
      <c r="H43" s="93">
        <v>4.2534033078303307E-2</v>
      </c>
      <c r="I43" s="92">
        <v>0.88885155449138598</v>
      </c>
      <c r="J43" s="93">
        <v>5.1032178500496676E-2</v>
      </c>
      <c r="K43" s="92">
        <v>0</v>
      </c>
      <c r="L43" s="93">
        <v>1.7245529166034633E-2</v>
      </c>
      <c r="M43" s="91">
        <v>157</v>
      </c>
      <c r="N43" s="100">
        <v>4.8274344082806309</v>
      </c>
      <c r="O43" s="101">
        <v>0.21618784128388285</v>
      </c>
      <c r="P43" s="92">
        <v>0.14945394031844653</v>
      </c>
      <c r="Q43" s="93">
        <v>5.7515339410432263E-2</v>
      </c>
      <c r="R43" s="92">
        <v>0.21146550070667425</v>
      </c>
      <c r="S43" s="93">
        <v>6.5148317670650352E-2</v>
      </c>
      <c r="T43" s="92">
        <v>0.5518591124408434</v>
      </c>
      <c r="U43" s="93">
        <v>7.8406902596902625E-2</v>
      </c>
      <c r="V43" s="92">
        <v>8.7221446534035782E-2</v>
      </c>
      <c r="W43" s="93">
        <v>4.6751645931537925E-2</v>
      </c>
      <c r="X43" s="99">
        <v>159</v>
      </c>
      <c r="Y43" s="100">
        <v>5.5833224966680541</v>
      </c>
      <c r="Z43" s="101">
        <v>0.22518247035795572</v>
      </c>
      <c r="AA43" s="92">
        <v>9.9397153819287279E-2</v>
      </c>
      <c r="AB43" s="93">
        <v>4.8863692895443671E-2</v>
      </c>
      <c r="AC43" s="92">
        <v>0.10568006069664142</v>
      </c>
      <c r="AD43" s="93">
        <v>5.0042797146698938E-2</v>
      </c>
      <c r="AE43" s="92">
        <v>0.79492278548407147</v>
      </c>
      <c r="AF43" s="93">
        <v>6.4062297349578537E-2</v>
      </c>
      <c r="AG43" s="92">
        <v>0</v>
      </c>
      <c r="AH43" s="93">
        <v>1.7245529166034633E-2</v>
      </c>
      <c r="AI43" s="91">
        <v>158</v>
      </c>
      <c r="AJ43" s="100">
        <v>5.6533723393919013</v>
      </c>
      <c r="AK43" s="101">
        <v>0.21611904909757462</v>
      </c>
      <c r="AL43" s="92">
        <v>6.6867318739086343E-2</v>
      </c>
      <c r="AM43" s="93">
        <v>4.2030587426176561E-2</v>
      </c>
      <c r="AN43" s="92">
        <v>9.5646346382311384E-2</v>
      </c>
      <c r="AO43" s="93">
        <v>4.8297587933979848E-2</v>
      </c>
      <c r="AP43" s="92">
        <v>0.81967298234136809</v>
      </c>
      <c r="AQ43" s="93">
        <v>6.1422106129660738E-2</v>
      </c>
      <c r="AR43" s="92">
        <v>1.7813352537234414E-2</v>
      </c>
      <c r="AS43" s="93">
        <v>2.668331197738141E-2</v>
      </c>
      <c r="AT43" s="99">
        <v>159</v>
      </c>
      <c r="AU43" s="100">
        <v>5.2983658983413466</v>
      </c>
      <c r="AV43" s="101">
        <v>0.2313382144738545</v>
      </c>
      <c r="AW43" s="92">
        <v>0.12227859856191677</v>
      </c>
      <c r="AX43" s="93">
        <v>5.2948175242545747E-2</v>
      </c>
      <c r="AY43" s="92">
        <v>0.13615623853399506</v>
      </c>
      <c r="AZ43" s="93">
        <v>5.5170741299803892E-2</v>
      </c>
      <c r="BA43" s="92">
        <v>0.74156516290408836</v>
      </c>
      <c r="BB43" s="93">
        <v>6.9082526939030373E-2</v>
      </c>
      <c r="BC43" s="92">
        <v>0</v>
      </c>
      <c r="BD43" s="93">
        <v>1.7245529166034633E-2</v>
      </c>
    </row>
    <row r="44" spans="1:56">
      <c r="A44" s="48" t="s">
        <v>150</v>
      </c>
      <c r="B44" s="103">
        <v>272</v>
      </c>
      <c r="C44" s="104">
        <v>6.1349380725733873</v>
      </c>
      <c r="D44" s="105">
        <v>0.15499648533283578</v>
      </c>
      <c r="E44" s="95">
        <v>4.8373394956367034E-2</v>
      </c>
      <c r="F44" s="96">
        <v>2.7426487666979221E-2</v>
      </c>
      <c r="G44" s="95">
        <v>5.2034183759306199E-2</v>
      </c>
      <c r="H44" s="96">
        <v>2.8258921268407428E-2</v>
      </c>
      <c r="I44" s="95">
        <v>0.89959242128432348</v>
      </c>
      <c r="J44" s="96">
        <v>3.7089901315531464E-2</v>
      </c>
      <c r="K44" s="95">
        <v>0</v>
      </c>
      <c r="L44" s="96">
        <v>1.0210726694673251E-2</v>
      </c>
      <c r="M44" s="94">
        <v>270</v>
      </c>
      <c r="N44" s="104">
        <v>5.2358811182057465</v>
      </c>
      <c r="O44" s="105">
        <v>0.16408800035552201</v>
      </c>
      <c r="P44" s="95">
        <v>8.5812757363469494E-2</v>
      </c>
      <c r="Q44" s="96">
        <v>3.4897379891481249E-2</v>
      </c>
      <c r="R44" s="95">
        <v>0.15822865128046659</v>
      </c>
      <c r="S44" s="96">
        <v>4.4652411665982737E-2</v>
      </c>
      <c r="T44" s="95">
        <v>0.72034833751910954</v>
      </c>
      <c r="U44" s="96">
        <v>5.4418475797096723E-2</v>
      </c>
      <c r="V44" s="95">
        <v>3.5610253836951704E-2</v>
      </c>
      <c r="W44" s="96">
        <v>2.4343281688342679E-2</v>
      </c>
      <c r="X44" s="103">
        <v>271</v>
      </c>
      <c r="Y44" s="104">
        <v>5.9941544077036806</v>
      </c>
      <c r="Z44" s="105">
        <v>0.16186788445678851</v>
      </c>
      <c r="AA44" s="95">
        <v>5.9754334918228069E-2</v>
      </c>
      <c r="AB44" s="96">
        <v>2.9977213020398533E-2</v>
      </c>
      <c r="AC44" s="95">
        <v>9.6723075248249121E-2</v>
      </c>
      <c r="AD44" s="96">
        <v>3.6593975585062985E-2</v>
      </c>
      <c r="AE44" s="95">
        <v>0.84352258983351991</v>
      </c>
      <c r="AF44" s="96">
        <v>4.4378572494078943E-2</v>
      </c>
      <c r="AG44" s="95">
        <v>0</v>
      </c>
      <c r="AH44" s="96">
        <v>1.0247720605618545E-2</v>
      </c>
      <c r="AI44" s="94">
        <v>270</v>
      </c>
      <c r="AJ44" s="104">
        <v>5.371515859491149</v>
      </c>
      <c r="AK44" s="105">
        <v>0.22168830376845061</v>
      </c>
      <c r="AL44" s="95">
        <v>0.1243636550580885</v>
      </c>
      <c r="AM44" s="96">
        <v>4.0613372133414267E-2</v>
      </c>
      <c r="AN44" s="95">
        <v>0.10292449194627153</v>
      </c>
      <c r="AO44" s="96">
        <v>3.7611326172588673E-2</v>
      </c>
      <c r="AP44" s="95">
        <v>0.74419546596967079</v>
      </c>
      <c r="AQ44" s="96">
        <v>5.295596978790678E-2</v>
      </c>
      <c r="AR44" s="95">
        <v>2.8516387025966917E-2</v>
      </c>
      <c r="AS44" s="96">
        <v>2.232678494402926E-2</v>
      </c>
      <c r="AT44" s="103">
        <v>269</v>
      </c>
      <c r="AU44" s="104">
        <v>5.7079802446241272</v>
      </c>
      <c r="AV44" s="105">
        <v>0.17717581621075143</v>
      </c>
      <c r="AW44" s="95">
        <v>5.1028155190310613E-2</v>
      </c>
      <c r="AX44" s="96">
        <v>2.8203340335426503E-2</v>
      </c>
      <c r="AY44" s="95">
        <v>9.8528161229388539E-2</v>
      </c>
      <c r="AZ44" s="96">
        <v>3.7014792251071411E-2</v>
      </c>
      <c r="BA44" s="95">
        <v>0.85044368358029843</v>
      </c>
      <c r="BB44" s="96">
        <v>4.3771251875426347E-2</v>
      </c>
      <c r="BC44" s="95">
        <v>0</v>
      </c>
      <c r="BD44" s="96">
        <v>1.0322518463937889E-2</v>
      </c>
    </row>
    <row r="45" spans="1:56">
      <c r="A45" s="44" t="s">
        <v>352</v>
      </c>
      <c r="B45" s="99">
        <v>121</v>
      </c>
      <c r="C45" s="100">
        <v>6.0585139004123985</v>
      </c>
      <c r="D45" s="101">
        <v>0.24453603360256146</v>
      </c>
      <c r="E45" s="92">
        <v>3.9580799794505191E-2</v>
      </c>
      <c r="F45" s="93">
        <v>4.054200008358743E-2</v>
      </c>
      <c r="G45" s="92">
        <v>8.2435125575033297E-2</v>
      </c>
      <c r="H45" s="93">
        <v>5.264829652873497E-2</v>
      </c>
      <c r="I45" s="92">
        <v>0.87798407463046135</v>
      </c>
      <c r="J45" s="93">
        <v>6.095914538014461E-2</v>
      </c>
      <c r="K45" s="92">
        <v>0</v>
      </c>
      <c r="L45" s="93">
        <v>2.2445667733440235E-2</v>
      </c>
      <c r="M45" s="91">
        <v>120</v>
      </c>
      <c r="N45" s="100">
        <v>5.1530924024444467</v>
      </c>
      <c r="O45" s="101">
        <v>0.24515966114434887</v>
      </c>
      <c r="P45" s="92">
        <v>7.7940453296188025E-2</v>
      </c>
      <c r="Q45" s="93">
        <v>5.1797654874880764E-2</v>
      </c>
      <c r="R45" s="92">
        <v>0.19808158393346637</v>
      </c>
      <c r="S45" s="93">
        <v>7.2874475889768961E-2</v>
      </c>
      <c r="T45" s="92">
        <v>0.69630210648749868</v>
      </c>
      <c r="U45" s="93">
        <v>8.3068468166133586E-2</v>
      </c>
      <c r="V45" s="92">
        <v>2.7675856282846505E-2</v>
      </c>
      <c r="W45" s="93">
        <v>3.6398630348103526E-2</v>
      </c>
      <c r="X45" s="99">
        <v>120</v>
      </c>
      <c r="Y45" s="100">
        <v>6.0173340695875188</v>
      </c>
      <c r="Z45" s="101">
        <v>0.25266252777405762</v>
      </c>
      <c r="AA45" s="92">
        <v>7.5651290100949314E-2</v>
      </c>
      <c r="AB45" s="93">
        <v>5.1229505748966064E-2</v>
      </c>
      <c r="AC45" s="92">
        <v>0.11458220917341842</v>
      </c>
      <c r="AD45" s="93">
        <v>5.980673725692822E-2</v>
      </c>
      <c r="AE45" s="92">
        <v>0.80976650072563217</v>
      </c>
      <c r="AF45" s="93">
        <v>7.1872541565298736E-2</v>
      </c>
      <c r="AG45" s="92">
        <v>0</v>
      </c>
      <c r="AH45" s="93">
        <v>2.262519761202799E-2</v>
      </c>
      <c r="AI45" s="91">
        <v>120</v>
      </c>
      <c r="AJ45" s="100">
        <v>4.9821966312368664</v>
      </c>
      <c r="AK45" s="101">
        <v>0.37054371633932864</v>
      </c>
      <c r="AL45" s="92">
        <v>0.17553849261742388</v>
      </c>
      <c r="AM45" s="93">
        <v>6.988634448006377E-2</v>
      </c>
      <c r="AN45" s="92">
        <v>0.14440509985739428</v>
      </c>
      <c r="AO45" s="93">
        <v>6.514960597617174E-2</v>
      </c>
      <c r="AP45" s="92">
        <v>0.65376919603513883</v>
      </c>
      <c r="AQ45" s="93">
        <v>8.5733253130535911E-2</v>
      </c>
      <c r="AR45" s="92">
        <v>2.6287211490042154E-2</v>
      </c>
      <c r="AS45" s="93">
        <v>3.5849302949522356E-2</v>
      </c>
      <c r="AT45" s="99">
        <v>119</v>
      </c>
      <c r="AU45" s="100">
        <v>5.5073591916572502</v>
      </c>
      <c r="AV45" s="101">
        <v>0.27492915791959366</v>
      </c>
      <c r="AW45" s="92">
        <v>8.0097970757970677E-2</v>
      </c>
      <c r="AX45" s="93">
        <v>5.2564675160276533E-2</v>
      </c>
      <c r="AY45" s="92">
        <v>8.667962051953966E-2</v>
      </c>
      <c r="AZ45" s="93">
        <v>5.4129243802157508E-2</v>
      </c>
      <c r="BA45" s="92">
        <v>0.83322240872248954</v>
      </c>
      <c r="BB45" s="93">
        <v>6.8921382469011833E-2</v>
      </c>
      <c r="BC45" s="92">
        <v>0</v>
      </c>
      <c r="BD45" s="93">
        <v>2.2807622255924295E-2</v>
      </c>
    </row>
    <row r="46" spans="1:56">
      <c r="A46" s="48" t="s">
        <v>353</v>
      </c>
      <c r="B46" s="103">
        <v>117</v>
      </c>
      <c r="C46" s="104">
        <v>6.0937596379264845</v>
      </c>
      <c r="D46" s="105">
        <v>0.23358933110458072</v>
      </c>
      <c r="E46" s="95">
        <v>7.0818626325262632E-2</v>
      </c>
      <c r="F46" s="96">
        <v>5.0707505250244977E-2</v>
      </c>
      <c r="G46" s="95">
        <v>4.4647494586898387E-2</v>
      </c>
      <c r="H46" s="96">
        <v>4.3078373265757308E-2</v>
      </c>
      <c r="I46" s="95">
        <v>0.88453387908783865</v>
      </c>
      <c r="J46" s="96">
        <v>6.0779615146787397E-2</v>
      </c>
      <c r="K46" s="95">
        <v>0</v>
      </c>
      <c r="L46" s="96">
        <v>2.3181440451602572E-2</v>
      </c>
      <c r="M46" s="94">
        <v>115</v>
      </c>
      <c r="N46" s="104">
        <v>5.531723536084999</v>
      </c>
      <c r="O46" s="105">
        <v>0.25713205146751328</v>
      </c>
      <c r="P46" s="95">
        <v>7.77718412885431E-2</v>
      </c>
      <c r="Q46" s="96">
        <v>5.2980712023332655E-2</v>
      </c>
      <c r="R46" s="95">
        <v>0.10179866118111221</v>
      </c>
      <c r="S46" s="96">
        <v>5.8529981687403185E-2</v>
      </c>
      <c r="T46" s="95">
        <v>0.77493888423413826</v>
      </c>
      <c r="U46" s="96">
        <v>7.7655774829410648E-2</v>
      </c>
      <c r="V46" s="95">
        <v>4.549061329620583E-2</v>
      </c>
      <c r="W46" s="96">
        <v>4.3800717840297362E-2</v>
      </c>
      <c r="X46" s="103">
        <v>116</v>
      </c>
      <c r="Y46" s="104">
        <v>5.9528791509433896</v>
      </c>
      <c r="Z46" s="105">
        <v>0.24589638531590993</v>
      </c>
      <c r="AA46" s="95">
        <v>7.1829804202512046E-2</v>
      </c>
      <c r="AB46" s="96">
        <v>5.1214765074888688E-2</v>
      </c>
      <c r="AC46" s="95">
        <v>7.7244969434778696E-2</v>
      </c>
      <c r="AD46" s="96">
        <v>5.2597335820025598E-2</v>
      </c>
      <c r="AE46" s="95">
        <v>0.85092522636270873</v>
      </c>
      <c r="AF46" s="96">
        <v>6.7063292191287704E-2</v>
      </c>
      <c r="AG46" s="95">
        <v>0</v>
      </c>
      <c r="AH46" s="96">
        <v>2.3372982186625143E-2</v>
      </c>
      <c r="AI46" s="94">
        <v>117</v>
      </c>
      <c r="AJ46" s="104">
        <v>5.4860427063663399</v>
      </c>
      <c r="AK46" s="105">
        <v>0.29902285273814688</v>
      </c>
      <c r="AL46" s="95">
        <v>0.11231586611153048</v>
      </c>
      <c r="AM46" s="96">
        <v>6.0157887445697347E-2</v>
      </c>
      <c r="AN46" s="95">
        <v>9.2971299250033196E-2</v>
      </c>
      <c r="AO46" s="96">
        <v>5.6069652998262068E-2</v>
      </c>
      <c r="AP46" s="95">
        <v>0.7712440553876182</v>
      </c>
      <c r="AQ46" s="96">
        <v>7.739789067271137E-2</v>
      </c>
      <c r="AR46" s="95">
        <v>2.3468779250817352E-2</v>
      </c>
      <c r="AS46" s="96">
        <v>3.5294989125828409E-2</v>
      </c>
      <c r="AT46" s="103">
        <v>116</v>
      </c>
      <c r="AU46" s="104">
        <v>5.8918075643303798</v>
      </c>
      <c r="AV46" s="105">
        <v>0.26977028528763897</v>
      </c>
      <c r="AW46" s="95">
        <v>4.4464311445201181E-2</v>
      </c>
      <c r="AX46" s="96">
        <v>4.3239970302219127E-2</v>
      </c>
      <c r="AY46" s="95">
        <v>9.2113309127586793E-2</v>
      </c>
      <c r="AZ46" s="96">
        <v>5.6135261338985429E-2</v>
      </c>
      <c r="BA46" s="95">
        <v>0.86342237942721167</v>
      </c>
      <c r="BB46" s="96">
        <v>6.4957031508460661E-2</v>
      </c>
      <c r="BC46" s="95">
        <v>0</v>
      </c>
      <c r="BD46" s="96">
        <v>2.3372982186625143E-2</v>
      </c>
    </row>
    <row r="47" spans="1:56">
      <c r="A47" s="44" t="s">
        <v>369</v>
      </c>
      <c r="B47" s="99">
        <v>427</v>
      </c>
      <c r="C47" s="100">
        <v>5.8619169922003094</v>
      </c>
      <c r="D47" s="101">
        <v>0.11640413027590311</v>
      </c>
      <c r="E47" s="92">
        <v>3.1242621810654191E-2</v>
      </c>
      <c r="F47" s="93">
        <v>1.7848596021184028E-2</v>
      </c>
      <c r="G47" s="92">
        <v>9.8434500283279242E-2</v>
      </c>
      <c r="H47" s="93">
        <v>2.9176539169089289E-2</v>
      </c>
      <c r="I47" s="92">
        <v>0.87013593123616761</v>
      </c>
      <c r="J47" s="93">
        <v>3.274460363022668E-2</v>
      </c>
      <c r="K47" s="92">
        <v>1.8694666989889602E-4</v>
      </c>
      <c r="L47" s="93">
        <v>6.6759926887123202E-3</v>
      </c>
      <c r="M47" s="91">
        <v>421</v>
      </c>
      <c r="N47" s="100">
        <v>5.2517275661963962</v>
      </c>
      <c r="O47" s="101">
        <v>0.13543109984995366</v>
      </c>
      <c r="P47" s="92">
        <v>0.10617204918448742</v>
      </c>
      <c r="Q47" s="93">
        <v>3.0340087111085368E-2</v>
      </c>
      <c r="R47" s="92">
        <v>0.13751971301694915</v>
      </c>
      <c r="S47" s="93">
        <v>3.3756172499872027E-2</v>
      </c>
      <c r="T47" s="92">
        <v>0.72584133766246206</v>
      </c>
      <c r="U47" s="93">
        <v>4.3380803919499833E-2</v>
      </c>
      <c r="V47" s="92">
        <v>3.0466900136100462E-2</v>
      </c>
      <c r="W47" s="93">
        <v>1.7801255670743057E-2</v>
      </c>
      <c r="X47" s="99">
        <v>425</v>
      </c>
      <c r="Y47" s="100">
        <v>5.6030791815292318</v>
      </c>
      <c r="Z47" s="101">
        <v>0.13137276011404739</v>
      </c>
      <c r="AA47" s="92">
        <v>8.138116459899658E-2</v>
      </c>
      <c r="AB47" s="93">
        <v>2.6969886801880481E-2</v>
      </c>
      <c r="AC47" s="92">
        <v>9.5848473877614151E-2</v>
      </c>
      <c r="AD47" s="93">
        <v>2.8918869285041164E-2</v>
      </c>
      <c r="AE47" s="92">
        <v>0.82239446485641299</v>
      </c>
      <c r="AF47" s="93">
        <v>3.7146596033293781E-2</v>
      </c>
      <c r="AG47" s="92">
        <v>3.7589666697546034E-4</v>
      </c>
      <c r="AH47" s="93">
        <v>6.8340647630735808E-3</v>
      </c>
      <c r="AI47" s="91">
        <v>421</v>
      </c>
      <c r="AJ47" s="100">
        <v>5.3878264310410353</v>
      </c>
      <c r="AK47" s="101">
        <v>0.13259605916830688</v>
      </c>
      <c r="AL47" s="92">
        <v>0.11708950548665455</v>
      </c>
      <c r="AM47" s="93">
        <v>3.1604389814587672E-2</v>
      </c>
      <c r="AN47" s="92">
        <v>0.10815538334749672</v>
      </c>
      <c r="AO47" s="93">
        <v>3.0576330963759876E-2</v>
      </c>
      <c r="AP47" s="92">
        <v>0.76642686788866909</v>
      </c>
      <c r="AQ47" s="93">
        <v>4.1199268075438618E-2</v>
      </c>
      <c r="AR47" s="92">
        <v>8.3282432771784112E-3</v>
      </c>
      <c r="AS47" s="93">
        <v>1.0970716490714776E-2</v>
      </c>
      <c r="AT47" s="99">
        <v>419</v>
      </c>
      <c r="AU47" s="100">
        <v>5.6222270199952833</v>
      </c>
      <c r="AV47" s="101">
        <v>0.12400055413959504</v>
      </c>
      <c r="AW47" s="92">
        <v>5.5762174044146955E-2</v>
      </c>
      <c r="AX47" s="93">
        <v>2.3087344201308396E-2</v>
      </c>
      <c r="AY47" s="92">
        <v>8.5174013478249405E-2</v>
      </c>
      <c r="AZ47" s="93">
        <v>2.7702999762844373E-2</v>
      </c>
      <c r="BA47" s="92">
        <v>0.85678370729812481</v>
      </c>
      <c r="BB47" s="93">
        <v>3.439465934505774E-2</v>
      </c>
      <c r="BC47" s="92">
        <v>2.2801051794778282E-3</v>
      </c>
      <c r="BD47" s="93">
        <v>8.0997695109640121E-3</v>
      </c>
    </row>
    <row r="48" spans="1:56">
      <c r="A48" s="48" t="s">
        <v>354</v>
      </c>
      <c r="B48" s="103">
        <v>71</v>
      </c>
      <c r="C48" s="104">
        <v>5.9724207971052685</v>
      </c>
      <c r="D48" s="105">
        <v>0.24845070422535204</v>
      </c>
      <c r="E48" s="95">
        <v>4.0449423292640832E-3</v>
      </c>
      <c r="F48" s="96">
        <v>3.9709532100555493E-2</v>
      </c>
      <c r="G48" s="95">
        <v>0.11686471726490014</v>
      </c>
      <c r="H48" s="96">
        <v>7.9480880290529021E-2</v>
      </c>
      <c r="I48" s="95">
        <v>0.87909034040583589</v>
      </c>
      <c r="J48" s="96">
        <v>8.0402571110313611E-2</v>
      </c>
      <c r="K48" s="95">
        <v>0</v>
      </c>
      <c r="L48" s="96">
        <v>3.7206132509255738E-2</v>
      </c>
      <c r="M48" s="94">
        <v>70</v>
      </c>
      <c r="N48" s="104">
        <v>5.5473171550428892</v>
      </c>
      <c r="O48" s="105">
        <v>0.33188650090977384</v>
      </c>
      <c r="P48" s="95">
        <v>5.559312257536466E-2</v>
      </c>
      <c r="Q48" s="96">
        <v>6.2935638192538904E-2</v>
      </c>
      <c r="R48" s="95">
        <v>0.17443283031987447</v>
      </c>
      <c r="S48" s="96">
        <v>9.1579275760068218E-2</v>
      </c>
      <c r="T48" s="95">
        <v>0.7177711017962336</v>
      </c>
      <c r="U48" s="96">
        <v>0.10592300297702557</v>
      </c>
      <c r="V48" s="95">
        <v>5.220294530852744E-2</v>
      </c>
      <c r="W48" s="96">
        <v>6.1762395529499428E-2</v>
      </c>
      <c r="X48" s="103">
        <v>71</v>
      </c>
      <c r="Y48" s="104">
        <v>5.7525329884115237</v>
      </c>
      <c r="Z48" s="105">
        <v>0.32162975186118153</v>
      </c>
      <c r="AA48" s="95">
        <v>5.154708718983908E-2</v>
      </c>
      <c r="AB48" s="96">
        <v>6.100040378504553E-2</v>
      </c>
      <c r="AC48" s="95">
        <v>0.17654542783911548</v>
      </c>
      <c r="AD48" s="96">
        <v>9.1283972333899982E-2</v>
      </c>
      <c r="AE48" s="95">
        <v>0.77190748497104533</v>
      </c>
      <c r="AF48" s="96">
        <v>9.8992869402782152E-2</v>
      </c>
      <c r="AG48" s="95">
        <v>0</v>
      </c>
      <c r="AH48" s="96">
        <v>3.7206132509255738E-2</v>
      </c>
      <c r="AI48" s="94">
        <v>69</v>
      </c>
      <c r="AJ48" s="104">
        <v>4.9687501827997869</v>
      </c>
      <c r="AK48" s="105">
        <v>0.35169785989852492</v>
      </c>
      <c r="AL48" s="95">
        <v>0.1930849286032254</v>
      </c>
      <c r="AM48" s="96">
        <v>9.5327341519534967E-2</v>
      </c>
      <c r="AN48" s="95">
        <v>0.20283068672268736</v>
      </c>
      <c r="AO48" s="96">
        <v>9.6827206490426906E-2</v>
      </c>
      <c r="AP48" s="95">
        <v>0.60408438467408798</v>
      </c>
      <c r="AQ48" s="96">
        <v>0.11475313661356341</v>
      </c>
      <c r="AR48" s="95">
        <v>0</v>
      </c>
      <c r="AS48" s="96">
        <v>3.821112970151376E-2</v>
      </c>
      <c r="AT48" s="103">
        <v>69</v>
      </c>
      <c r="AU48" s="104">
        <v>5.6249399513881979</v>
      </c>
      <c r="AV48" s="105">
        <v>0.35732109806873685</v>
      </c>
      <c r="AW48" s="95">
        <v>9.9567600751785862E-2</v>
      </c>
      <c r="AX48" s="96">
        <v>7.6478894999775379E-2</v>
      </c>
      <c r="AY48" s="95">
        <v>5.6075278785490096E-2</v>
      </c>
      <c r="AZ48" s="96">
        <v>6.3649629012452622E-2</v>
      </c>
      <c r="BA48" s="95">
        <v>0.84435712046272415</v>
      </c>
      <c r="BB48" s="96">
        <v>8.8845689676495587E-2</v>
      </c>
      <c r="BC48" s="95">
        <v>0</v>
      </c>
      <c r="BD48" s="96">
        <v>3.821112970151376E-2</v>
      </c>
    </row>
    <row r="49" spans="1:56">
      <c r="A49" s="44" t="s">
        <v>355</v>
      </c>
      <c r="B49" s="82">
        <v>75</v>
      </c>
      <c r="C49" s="83">
        <v>5.9907205562182053</v>
      </c>
      <c r="D49" s="84">
        <v>0.27985331893711773</v>
      </c>
      <c r="E49" s="97">
        <v>6.1242482884509605E-2</v>
      </c>
      <c r="F49" s="93">
        <v>6.223386139183637E-2</v>
      </c>
      <c r="G49" s="97">
        <v>6.0642947666370475E-2</v>
      </c>
      <c r="H49" s="93">
        <v>6.204053753287158E-2</v>
      </c>
      <c r="I49" s="97">
        <v>0.87811456944911981</v>
      </c>
      <c r="J49" s="93">
        <v>7.8318039694889305E-2</v>
      </c>
      <c r="K49" s="97">
        <v>0</v>
      </c>
      <c r="L49" s="93">
        <v>3.5346768793784435E-2</v>
      </c>
      <c r="M49" s="82">
        <v>75</v>
      </c>
      <c r="N49" s="83">
        <v>5.388386767680962</v>
      </c>
      <c r="O49" s="84">
        <v>0.349573241129918</v>
      </c>
      <c r="P49" s="97">
        <v>0.1317358603754249</v>
      </c>
      <c r="Q49" s="93">
        <v>8.0431543693361029E-2</v>
      </c>
      <c r="R49" s="97">
        <v>7.3246873330571102E-2</v>
      </c>
      <c r="S49" s="93">
        <v>6.5933309764571138E-2</v>
      </c>
      <c r="T49" s="97">
        <v>0.77547942855397067</v>
      </c>
      <c r="U49" s="93">
        <v>9.5890623908672867E-2</v>
      </c>
      <c r="V49" s="97">
        <v>1.9537837740033169E-2</v>
      </c>
      <c r="W49" s="93">
        <v>4.608242173491528E-2</v>
      </c>
      <c r="X49" s="82">
        <v>75</v>
      </c>
      <c r="Y49" s="83">
        <v>5.6097429801350884</v>
      </c>
      <c r="Z49" s="84">
        <v>0.3200666597236686</v>
      </c>
      <c r="AA49" s="97">
        <v>0.12296971457774789</v>
      </c>
      <c r="AB49" s="93">
        <v>7.8556229328720695E-2</v>
      </c>
      <c r="AC49" s="97">
        <v>5.3245154405637471E-2</v>
      </c>
      <c r="AD49" s="93">
        <v>5.9580837809985292E-2</v>
      </c>
      <c r="AE49" s="97">
        <v>0.82378513101661455</v>
      </c>
      <c r="AF49" s="93">
        <v>8.8735364091629187E-2</v>
      </c>
      <c r="AG49" s="97">
        <v>0</v>
      </c>
      <c r="AH49" s="93">
        <v>3.5346768793784435E-2</v>
      </c>
      <c r="AI49" s="82">
        <v>74</v>
      </c>
      <c r="AJ49" s="83">
        <v>5.2244467930357761</v>
      </c>
      <c r="AK49" s="84">
        <v>0.32938321269746834</v>
      </c>
      <c r="AL49" s="97">
        <v>0.12523740740857411</v>
      </c>
      <c r="AM49" s="93">
        <v>7.9610740615206052E-2</v>
      </c>
      <c r="AN49" s="97">
        <v>9.0860582810253859E-2</v>
      </c>
      <c r="AO49" s="93">
        <v>7.1372420867289232E-2</v>
      </c>
      <c r="AP49" s="97">
        <v>0.77091436770070876</v>
      </c>
      <c r="AQ49" s="93">
        <v>9.7122718940011066E-2</v>
      </c>
      <c r="AR49" s="97">
        <v>1.2987642080463329E-2</v>
      </c>
      <c r="AS49" s="93">
        <v>4.3276969154126904E-2</v>
      </c>
      <c r="AT49" s="82">
        <v>74</v>
      </c>
      <c r="AU49" s="83">
        <v>5.8448370679544466</v>
      </c>
      <c r="AV49" s="84">
        <v>0.27968883116892024</v>
      </c>
      <c r="AW49" s="97">
        <v>4.447886755286648E-2</v>
      </c>
      <c r="AX49" s="93">
        <v>5.6946581265136346E-2</v>
      </c>
      <c r="AY49" s="97">
        <v>6.1711883291984855E-2</v>
      </c>
      <c r="AZ49" s="93">
        <v>6.2879838381559E-2</v>
      </c>
      <c r="BA49" s="97">
        <v>0.8938092491551487</v>
      </c>
      <c r="BB49" s="93">
        <v>7.5247506629365205E-2</v>
      </c>
      <c r="BC49" s="97">
        <v>0</v>
      </c>
      <c r="BD49" s="93">
        <v>3.5793971305236552E-2</v>
      </c>
    </row>
    <row r="50" spans="1:56">
      <c r="A50" s="48" t="s">
        <v>356</v>
      </c>
      <c r="B50" s="103">
        <v>67</v>
      </c>
      <c r="C50" s="104">
        <v>5.8717859624272011</v>
      </c>
      <c r="D50" s="105">
        <v>0.34001206731158129</v>
      </c>
      <c r="E50" s="95">
        <v>2.4622415070438629E-2</v>
      </c>
      <c r="F50" s="96">
        <v>5.2413230152497554E-2</v>
      </c>
      <c r="G50" s="95">
        <v>9.2142968602734493E-2</v>
      </c>
      <c r="H50" s="96">
        <v>7.5756475718422936E-2</v>
      </c>
      <c r="I50" s="95">
        <v>0.88323461632682654</v>
      </c>
      <c r="J50" s="96">
        <v>8.1952808545499731E-2</v>
      </c>
      <c r="K50" s="95">
        <v>0</v>
      </c>
      <c r="L50" s="96">
        <v>3.9271909274046654E-2</v>
      </c>
      <c r="M50" s="94">
        <v>66</v>
      </c>
      <c r="N50" s="104">
        <v>4.9193110220004899</v>
      </c>
      <c r="O50" s="105">
        <v>0.36653913281138029</v>
      </c>
      <c r="P50" s="95">
        <v>0.13992194774960459</v>
      </c>
      <c r="Q50" s="96">
        <v>8.7745828047220212E-2</v>
      </c>
      <c r="R50" s="95">
        <v>0.16055030355982555</v>
      </c>
      <c r="S50" s="96">
        <v>9.1827898605890759E-2</v>
      </c>
      <c r="T50" s="95">
        <v>0.62229131432357265</v>
      </c>
      <c r="U50" s="96">
        <v>0.1163013728024913</v>
      </c>
      <c r="V50" s="95">
        <v>7.7236434366997064E-2</v>
      </c>
      <c r="W50" s="96">
        <v>7.2155996762534549E-2</v>
      </c>
      <c r="X50" s="103">
        <v>67</v>
      </c>
      <c r="Y50" s="104">
        <v>5.7269362032125493</v>
      </c>
      <c r="Z50" s="105">
        <v>0.33401002483896514</v>
      </c>
      <c r="AA50" s="95">
        <v>3.7347501136538314E-2</v>
      </c>
      <c r="AB50" s="96">
        <v>5.7844519279270257E-2</v>
      </c>
      <c r="AC50" s="95">
        <v>0.10797063169168528</v>
      </c>
      <c r="AD50" s="96">
        <v>7.9838577920154155E-2</v>
      </c>
      <c r="AE50" s="95">
        <v>0.85468186717177619</v>
      </c>
      <c r="AF50" s="96">
        <v>8.8166312264395127E-2</v>
      </c>
      <c r="AG50" s="95">
        <v>0</v>
      </c>
      <c r="AH50" s="96">
        <v>3.9271909274046654E-2</v>
      </c>
      <c r="AI50" s="94">
        <v>67</v>
      </c>
      <c r="AJ50" s="104">
        <v>5.5797426796235463</v>
      </c>
      <c r="AK50" s="105">
        <v>0.29942666601047158</v>
      </c>
      <c r="AL50" s="95">
        <v>7.9906562670951198E-2</v>
      </c>
      <c r="AM50" s="96">
        <v>7.2324101071392158E-2</v>
      </c>
      <c r="AN50" s="95">
        <v>0.11435283556914279</v>
      </c>
      <c r="AO50" s="96">
        <v>8.1383053008359421E-2</v>
      </c>
      <c r="AP50" s="95">
        <v>0.7937127761875814</v>
      </c>
      <c r="AQ50" s="96">
        <v>9.8775386862028733E-2</v>
      </c>
      <c r="AR50" s="95">
        <v>1.2027825572324407E-2</v>
      </c>
      <c r="AS50" s="96">
        <v>4.6243353400072115E-2</v>
      </c>
      <c r="AT50" s="103">
        <v>66</v>
      </c>
      <c r="AU50" s="104">
        <v>5.5520818330716484</v>
      </c>
      <c r="AV50" s="105">
        <v>0.29393884603318077</v>
      </c>
      <c r="AW50" s="95">
        <v>2.4888624461209066E-2</v>
      </c>
      <c r="AX50" s="96">
        <v>5.3092861243305568E-2</v>
      </c>
      <c r="AY50" s="95">
        <v>8.4497479293866501E-2</v>
      </c>
      <c r="AZ50" s="96">
        <v>7.4267654510336081E-2</v>
      </c>
      <c r="BA50" s="95">
        <v>0.89061389624492437</v>
      </c>
      <c r="BB50" s="96">
        <v>8.0838530732109726E-2</v>
      </c>
      <c r="BC50" s="95">
        <v>0</v>
      </c>
      <c r="BD50" s="96">
        <v>3.9824688710695409E-2</v>
      </c>
    </row>
    <row r="51" spans="1:56">
      <c r="A51" s="56" t="s">
        <v>357</v>
      </c>
      <c r="B51" s="99">
        <v>54</v>
      </c>
      <c r="C51" s="100">
        <v>6.1214084824711721</v>
      </c>
      <c r="D51" s="101">
        <v>0.30521284587672115</v>
      </c>
      <c r="E51" s="92">
        <v>1.2685319262847789E-2</v>
      </c>
      <c r="F51" s="93">
        <v>5.518005967594522E-2</v>
      </c>
      <c r="G51" s="92">
        <v>6.2172173827053694E-2</v>
      </c>
      <c r="H51" s="93">
        <v>7.6037875029442814E-2</v>
      </c>
      <c r="I51" s="92">
        <v>0.92399046908995919</v>
      </c>
      <c r="J51" s="93">
        <v>8.0589482148218483E-2</v>
      </c>
      <c r="K51" s="92">
        <v>1.1520378201392179E-3</v>
      </c>
      <c r="L51" s="93">
        <v>4.8630317604120961E-2</v>
      </c>
      <c r="M51" s="91">
        <v>53</v>
      </c>
      <c r="N51" s="100">
        <v>5.8505585837854941</v>
      </c>
      <c r="O51" s="101">
        <v>0.21712875221943564</v>
      </c>
      <c r="P51" s="92">
        <v>0</v>
      </c>
      <c r="Q51" s="93">
        <v>4.8743201957104715E-2</v>
      </c>
      <c r="R51" s="92">
        <v>3.0823287375414118E-2</v>
      </c>
      <c r="S51" s="93">
        <v>6.4717559327791455E-2</v>
      </c>
      <c r="T51" s="92">
        <v>0.94464584087444015</v>
      </c>
      <c r="U51" s="93">
        <v>7.4487816822735808E-2</v>
      </c>
      <c r="V51" s="92">
        <v>2.453087175014549E-2</v>
      </c>
      <c r="W51" s="93">
        <v>6.1868592560923752E-2</v>
      </c>
      <c r="X51" s="99">
        <v>53</v>
      </c>
      <c r="Y51" s="100">
        <v>5.7811727650212834</v>
      </c>
      <c r="Z51" s="101">
        <v>0.32910218658776258</v>
      </c>
      <c r="AA51" s="92">
        <v>4.4354549825535765E-2</v>
      </c>
      <c r="AB51" s="93">
        <v>7.0339253469448082E-2</v>
      </c>
      <c r="AC51" s="92">
        <v>8.222121259571806E-2</v>
      </c>
      <c r="AD51" s="93">
        <v>8.3392148545517714E-2</v>
      </c>
      <c r="AE51" s="92">
        <v>0.8722488412447601</v>
      </c>
      <c r="AF51" s="93">
        <v>9.5585623281774348E-2</v>
      </c>
      <c r="AG51" s="92">
        <v>1.1753963339862315E-3</v>
      </c>
      <c r="AH51" s="93">
        <v>4.9468468475919188E-2</v>
      </c>
      <c r="AI51" s="91">
        <v>54</v>
      </c>
      <c r="AJ51" s="100">
        <v>5.4673362071634415</v>
      </c>
      <c r="AK51" s="101">
        <v>0.37559769166279383</v>
      </c>
      <c r="AL51" s="92">
        <v>0.15116144301246096</v>
      </c>
      <c r="AM51" s="93">
        <v>9.9833475265643165E-2</v>
      </c>
      <c r="AN51" s="92">
        <v>9.3477491103890739E-2</v>
      </c>
      <c r="AO51" s="93">
        <v>8.5801691628116891E-2</v>
      </c>
      <c r="AP51" s="92">
        <v>0.75420902806350898</v>
      </c>
      <c r="AQ51" s="93">
        <v>0.11566414581033731</v>
      </c>
      <c r="AR51" s="92">
        <v>1.1520378201392179E-3</v>
      </c>
      <c r="AS51" s="93">
        <v>4.8630317604120961E-2</v>
      </c>
      <c r="AT51" s="99">
        <v>54</v>
      </c>
      <c r="AU51" s="100">
        <v>6.206271355779525</v>
      </c>
      <c r="AV51" s="101">
        <v>0.26215141994642732</v>
      </c>
      <c r="AW51" s="92">
        <v>1.1520378201392179E-3</v>
      </c>
      <c r="AX51" s="93">
        <v>4.8630317604120961E-2</v>
      </c>
      <c r="AY51" s="92">
        <v>6.2172173827053694E-2</v>
      </c>
      <c r="AZ51" s="93">
        <v>7.6037875029442814E-2</v>
      </c>
      <c r="BA51" s="92">
        <v>0.92399046908995919</v>
      </c>
      <c r="BB51" s="93">
        <v>8.0589482148218483E-2</v>
      </c>
      <c r="BC51" s="92">
        <v>1.2685319262847789E-2</v>
      </c>
      <c r="BD51" s="93">
        <v>5.518005967594522E-2</v>
      </c>
    </row>
    <row r="52" spans="1:56">
      <c r="A52" s="48" t="s">
        <v>358</v>
      </c>
      <c r="B52" s="103">
        <v>97</v>
      </c>
      <c r="C52" s="104">
        <v>5.852071249690427</v>
      </c>
      <c r="D52" s="105">
        <v>0.26167465399590473</v>
      </c>
      <c r="E52" s="95">
        <v>6.347362903275762E-2</v>
      </c>
      <c r="F52" s="96">
        <v>5.4223349416985152E-2</v>
      </c>
      <c r="G52" s="95">
        <v>0.11514960674900131</v>
      </c>
      <c r="H52" s="96">
        <v>6.7012438553963979E-2</v>
      </c>
      <c r="I52" s="95">
        <v>0.82137676421824068</v>
      </c>
      <c r="J52" s="96">
        <v>7.8282507522211345E-2</v>
      </c>
      <c r="K52" s="95">
        <v>0</v>
      </c>
      <c r="L52" s="96">
        <v>2.7725572981612018E-2</v>
      </c>
      <c r="M52" s="94">
        <v>97</v>
      </c>
      <c r="N52" s="104">
        <v>5.0045419392229959</v>
      </c>
      <c r="O52" s="105">
        <v>0.30714416248678345</v>
      </c>
      <c r="P52" s="95">
        <v>0.17564294680042564</v>
      </c>
      <c r="Q52" s="96">
        <v>7.7832201845366711E-2</v>
      </c>
      <c r="R52" s="95">
        <v>0.14936616487611526</v>
      </c>
      <c r="S52" s="96">
        <v>7.3552358815539703E-2</v>
      </c>
      <c r="T52" s="95">
        <v>0.66237519422608537</v>
      </c>
      <c r="U52" s="96">
        <v>9.4540329276583457E-2</v>
      </c>
      <c r="V52" s="95">
        <v>1.2615694097373431E-2</v>
      </c>
      <c r="W52" s="96">
        <v>3.4981908414376567E-2</v>
      </c>
      <c r="X52" s="103">
        <v>98</v>
      </c>
      <c r="Y52" s="104">
        <v>5.557929125994959</v>
      </c>
      <c r="Z52" s="105">
        <v>0.30170041004549131</v>
      </c>
      <c r="AA52" s="95">
        <v>0.10148197622918916</v>
      </c>
      <c r="AB52" s="96">
        <v>6.3676680415550191E-2</v>
      </c>
      <c r="AC52" s="95">
        <v>0.16043403571746753</v>
      </c>
      <c r="AD52" s="96">
        <v>7.5032323648260582E-2</v>
      </c>
      <c r="AE52" s="95">
        <v>0.72407699096558531</v>
      </c>
      <c r="AF52" s="96">
        <v>8.9366038020776556E-2</v>
      </c>
      <c r="AG52" s="95">
        <v>1.4006997087757472E-2</v>
      </c>
      <c r="AH52" s="96">
        <v>3.5409213310108809E-2</v>
      </c>
      <c r="AI52" s="94">
        <v>98</v>
      </c>
      <c r="AJ52" s="104">
        <v>4.6477343274132439</v>
      </c>
      <c r="AK52" s="105">
        <v>0.32208726486088674</v>
      </c>
      <c r="AL52" s="95">
        <v>0.24339135103910636</v>
      </c>
      <c r="AM52" s="96">
        <v>8.6140624774708324E-2</v>
      </c>
      <c r="AN52" s="95">
        <v>0.14629466852683776</v>
      </c>
      <c r="AO52" s="96">
        <v>7.2629192367786879E-2</v>
      </c>
      <c r="AP52" s="95">
        <v>0.6103139804340556</v>
      </c>
      <c r="AQ52" s="96">
        <v>9.6764633823347032E-2</v>
      </c>
      <c r="AR52" s="95">
        <v>0</v>
      </c>
      <c r="AS52" s="96">
        <v>2.745647223584333E-2</v>
      </c>
      <c r="AT52" s="103">
        <v>97</v>
      </c>
      <c r="AU52" s="104">
        <v>5.2648111422436701</v>
      </c>
      <c r="AV52" s="105">
        <v>0.31143920389613167</v>
      </c>
      <c r="AW52" s="95">
        <v>0.11020278489725933</v>
      </c>
      <c r="AX52" s="96">
        <v>6.5959727825185763E-2</v>
      </c>
      <c r="AY52" s="95">
        <v>0.20771349867391586</v>
      </c>
      <c r="AZ52" s="96">
        <v>8.2342305985968062E-2</v>
      </c>
      <c r="BA52" s="95">
        <v>0.68208371642882437</v>
      </c>
      <c r="BB52" s="96">
        <v>9.321955679986435E-2</v>
      </c>
      <c r="BC52" s="95">
        <v>0</v>
      </c>
      <c r="BD52" s="96">
        <v>2.7725572981612018E-2</v>
      </c>
    </row>
    <row r="53" spans="1:56">
      <c r="A53" s="56" t="s">
        <v>359</v>
      </c>
      <c r="B53" s="99">
        <v>116</v>
      </c>
      <c r="C53" s="100">
        <v>5.6478016628521637</v>
      </c>
      <c r="D53" s="101">
        <v>0.22430755200982846</v>
      </c>
      <c r="E53" s="92">
        <v>3.5797728163052052E-2</v>
      </c>
      <c r="F53" s="93">
        <v>4.0266780233840532E-2</v>
      </c>
      <c r="G53" s="92">
        <v>0.13195948121819073</v>
      </c>
      <c r="H53" s="93">
        <v>6.4142010981935213E-2</v>
      </c>
      <c r="I53" s="92">
        <v>0.83224279061875717</v>
      </c>
      <c r="J53" s="93">
        <v>6.9964537661972095E-2</v>
      </c>
      <c r="K53" s="92">
        <v>0</v>
      </c>
      <c r="L53" s="93">
        <v>2.3372982186625143E-2</v>
      </c>
      <c r="M53" s="91">
        <v>114</v>
      </c>
      <c r="N53" s="100">
        <v>4.9577966308997086</v>
      </c>
      <c r="O53" s="101">
        <v>0.25263402111666899</v>
      </c>
      <c r="P53" s="92">
        <v>0.15005526990627663</v>
      </c>
      <c r="Q53" s="93">
        <v>6.7823406828899813E-2</v>
      </c>
      <c r="R53" s="92">
        <v>0.20825923903703555</v>
      </c>
      <c r="S53" s="93">
        <v>7.6037429778812907E-2</v>
      </c>
      <c r="T53" s="92">
        <v>0.64107278154615277</v>
      </c>
      <c r="U53" s="93">
        <v>8.8571498994556297E-2</v>
      </c>
      <c r="V53" s="92">
        <v>6.1270951053463173E-4</v>
      </c>
      <c r="W53" s="93">
        <v>2.4169880627780568E-2</v>
      </c>
      <c r="X53" s="99">
        <v>115</v>
      </c>
      <c r="Y53" s="100">
        <v>5.4551883118290831</v>
      </c>
      <c r="Z53" s="101">
        <v>0.25239935030063804</v>
      </c>
      <c r="AA53" s="92">
        <v>0.10070648709547006</v>
      </c>
      <c r="AB53" s="93">
        <v>5.8295938862263863E-2</v>
      </c>
      <c r="AC53" s="92">
        <v>9.5015707221707976E-2</v>
      </c>
      <c r="AD53" s="93">
        <v>5.705030848954501E-2</v>
      </c>
      <c r="AE53" s="92">
        <v>0.80366551803850161</v>
      </c>
      <c r="AF53" s="93">
        <v>7.4220258526132746E-2</v>
      </c>
      <c r="AG53" s="92">
        <v>6.1228764432025838E-4</v>
      </c>
      <c r="AH53" s="93">
        <v>2.3971778853178156E-2</v>
      </c>
      <c r="AI53" s="91">
        <v>113</v>
      </c>
      <c r="AJ53" s="100">
        <v>5.6292902988514877</v>
      </c>
      <c r="AK53" s="101">
        <v>0.22238709218525562</v>
      </c>
      <c r="AL53" s="92">
        <v>6.8798448279753815E-2</v>
      </c>
      <c r="AM53" s="93">
        <v>5.1161345685746901E-2</v>
      </c>
      <c r="AN53" s="92">
        <v>6.3457768462340886E-2</v>
      </c>
      <c r="AO53" s="93">
        <v>4.9696000953024122E-2</v>
      </c>
      <c r="AP53" s="92">
        <v>0.85496759851499038</v>
      </c>
      <c r="AQ53" s="93">
        <v>6.7296067685466185E-2</v>
      </c>
      <c r="AR53" s="92">
        <v>1.2776184742914833E-2</v>
      </c>
      <c r="AS53" s="93">
        <v>3.1251438869706924E-2</v>
      </c>
      <c r="AT53" s="99">
        <v>113</v>
      </c>
      <c r="AU53" s="100">
        <v>5.2988130233915047</v>
      </c>
      <c r="AV53" s="101">
        <v>0.22195689866472926</v>
      </c>
      <c r="AW53" s="92">
        <v>8.0360989092254365E-2</v>
      </c>
      <c r="AX53" s="93">
        <v>5.4140711979617256E-2</v>
      </c>
      <c r="AY53" s="92">
        <v>9.4458755513761719E-2</v>
      </c>
      <c r="AZ53" s="93">
        <v>5.746480202357606E-2</v>
      </c>
      <c r="BA53" s="92">
        <v>0.82456333762378042</v>
      </c>
      <c r="BB53" s="93">
        <v>7.2025243117123258E-2</v>
      </c>
      <c r="BC53" s="92">
        <v>6.1691777020351276E-4</v>
      </c>
      <c r="BD53" s="93">
        <v>2.4373807638418586E-2</v>
      </c>
    </row>
    <row r="54" spans="1:56">
      <c r="A54" s="48" t="s">
        <v>371</v>
      </c>
      <c r="B54" s="103">
        <v>182</v>
      </c>
      <c r="C54" s="104">
        <v>6.1561734704741937</v>
      </c>
      <c r="D54" s="105">
        <v>0.15334811012255353</v>
      </c>
      <c r="E54" s="95">
        <v>2.7942291956064978E-2</v>
      </c>
      <c r="F54" s="96">
        <v>2.807168718933372E-2</v>
      </c>
      <c r="G54" s="95">
        <v>5.0952842296178122E-2</v>
      </c>
      <c r="H54" s="96">
        <v>3.4991927225261343E-2</v>
      </c>
      <c r="I54" s="95">
        <v>0.92110486574775707</v>
      </c>
      <c r="J54" s="96">
        <v>4.1533960085856504E-2</v>
      </c>
      <c r="K54" s="95">
        <v>0</v>
      </c>
      <c r="L54" s="96">
        <v>1.5124620581124137E-2</v>
      </c>
      <c r="M54" s="94">
        <v>182</v>
      </c>
      <c r="N54" s="104">
        <v>5.502308177925701</v>
      </c>
      <c r="O54" s="105">
        <v>0.17812445940950644</v>
      </c>
      <c r="P54" s="95">
        <v>6.0003842269994542E-2</v>
      </c>
      <c r="Q54" s="96">
        <v>3.7284313827319129E-2</v>
      </c>
      <c r="R54" s="95">
        <v>0.11530565375708259</v>
      </c>
      <c r="S54" s="96">
        <v>4.8261600667570757E-2</v>
      </c>
      <c r="T54" s="95">
        <v>0.81815692047032929</v>
      </c>
      <c r="U54" s="96">
        <v>5.7376903821991183E-2</v>
      </c>
      <c r="V54" s="95">
        <v>6.5335835025939048E-3</v>
      </c>
      <c r="W54" s="96">
        <v>1.9036912227124985E-2</v>
      </c>
      <c r="X54" s="103">
        <v>181</v>
      </c>
      <c r="Y54" s="104">
        <v>5.9489766816013017</v>
      </c>
      <c r="Z54" s="105">
        <v>0.17470061569579923</v>
      </c>
      <c r="AA54" s="95">
        <v>6.3396907477432152E-2</v>
      </c>
      <c r="AB54" s="96">
        <v>3.8211855953107637E-2</v>
      </c>
      <c r="AC54" s="95">
        <v>6.5013486500497028E-2</v>
      </c>
      <c r="AD54" s="96">
        <v>3.8591547102583092E-2</v>
      </c>
      <c r="AE54" s="95">
        <v>0.86694643682230055</v>
      </c>
      <c r="AF54" s="96">
        <v>5.1172216638545008E-2</v>
      </c>
      <c r="AG54" s="95">
        <v>4.6431691997705134E-3</v>
      </c>
      <c r="AH54" s="96">
        <v>1.8079616429946023E-2</v>
      </c>
      <c r="AI54" s="94">
        <v>180</v>
      </c>
      <c r="AJ54" s="104">
        <v>5.5267926580824112</v>
      </c>
      <c r="AK54" s="105">
        <v>0.20571168979471188</v>
      </c>
      <c r="AL54" s="95">
        <v>8.574718681687829E-2</v>
      </c>
      <c r="AM54" s="96">
        <v>4.3181772489712278E-2</v>
      </c>
      <c r="AN54" s="95">
        <v>0.12346423900870032</v>
      </c>
      <c r="AO54" s="96">
        <v>4.9851546887504559E-2</v>
      </c>
      <c r="AP54" s="95">
        <v>0.73923379696243496</v>
      </c>
      <c r="AQ54" s="96">
        <v>6.5146745017928442E-2</v>
      </c>
      <c r="AR54" s="95">
        <v>5.1554777211986667E-2</v>
      </c>
      <c r="AS54" s="96">
        <v>3.5369311402239964E-2</v>
      </c>
      <c r="AT54" s="103">
        <v>182</v>
      </c>
      <c r="AU54" s="104">
        <v>5.893731970922353</v>
      </c>
      <c r="AV54" s="105">
        <v>0.15897305663777361</v>
      </c>
      <c r="AW54" s="95">
        <v>1.5061918610791768E-2</v>
      </c>
      <c r="AX54" s="96">
        <v>2.3113055029835489E-2</v>
      </c>
      <c r="AY54" s="95">
        <v>0.12058044369395078</v>
      </c>
      <c r="AZ54" s="96">
        <v>4.9113871505538871E-2</v>
      </c>
      <c r="BA54" s="95">
        <v>0.85729317896636881</v>
      </c>
      <c r="BB54" s="96">
        <v>5.2419570586724883E-2</v>
      </c>
      <c r="BC54" s="95">
        <v>7.0644587288887081E-3</v>
      </c>
      <c r="BD54" s="96">
        <v>1.9318030438819925E-2</v>
      </c>
    </row>
    <row r="55" spans="1:56">
      <c r="A55" s="56" t="s">
        <v>360</v>
      </c>
      <c r="B55" s="99">
        <v>102</v>
      </c>
      <c r="C55" s="100">
        <v>6.2097536413408809</v>
      </c>
      <c r="D55" s="101">
        <v>0.18671462378009718</v>
      </c>
      <c r="E55" s="92">
        <v>7.560202416596851E-3</v>
      </c>
      <c r="F55" s="93">
        <v>3.0995671273250838E-2</v>
      </c>
      <c r="G55" s="92">
        <v>4.0143561235067488E-2</v>
      </c>
      <c r="H55" s="93">
        <v>4.5220954997776709E-2</v>
      </c>
      <c r="I55" s="92">
        <v>0.95229623634833549</v>
      </c>
      <c r="J55" s="93">
        <v>4.7811024608492375E-2</v>
      </c>
      <c r="K55" s="92">
        <v>0</v>
      </c>
      <c r="L55" s="93">
        <v>2.6430347017829241E-2</v>
      </c>
      <c r="M55" s="91">
        <v>103</v>
      </c>
      <c r="N55" s="100">
        <v>5.8757255176250425</v>
      </c>
      <c r="O55" s="101">
        <v>0.20193107939429319</v>
      </c>
      <c r="P55" s="98">
        <v>2.6793219763833295E-2</v>
      </c>
      <c r="Q55" s="93">
        <v>3.9861647840997105E-2</v>
      </c>
      <c r="R55" s="92">
        <v>4.5284456830146952E-2</v>
      </c>
      <c r="S55" s="93">
        <v>4.6726076138781034E-2</v>
      </c>
      <c r="T55" s="92">
        <v>0.92792232340601966</v>
      </c>
      <c r="U55" s="93">
        <v>5.4795322534872681E-2</v>
      </c>
      <c r="V55" s="92">
        <v>0</v>
      </c>
      <c r="W55" s="93">
        <v>2.6185687246820841E-2</v>
      </c>
      <c r="X55" s="99">
        <v>101</v>
      </c>
      <c r="Y55" s="100">
        <v>6.0660927243861735</v>
      </c>
      <c r="Z55" s="101">
        <v>0.22001827288668638</v>
      </c>
      <c r="AA55" s="92">
        <v>2.8518829662482093E-2</v>
      </c>
      <c r="AB55" s="93">
        <v>4.1089739242381573E-2</v>
      </c>
      <c r="AC55" s="92">
        <v>6.8153429397573947E-2</v>
      </c>
      <c r="AD55" s="93">
        <v>5.4317152404321299E-2</v>
      </c>
      <c r="AE55" s="92">
        <v>0.89471397909304329</v>
      </c>
      <c r="AF55" s="93">
        <v>6.3499585665114266E-2</v>
      </c>
      <c r="AG55" s="92">
        <v>8.6137618469006479E-3</v>
      </c>
      <c r="AH55" s="93">
        <v>3.1824597679949801E-2</v>
      </c>
      <c r="AI55" s="91">
        <v>100</v>
      </c>
      <c r="AJ55" s="100">
        <v>5.5778917255581897</v>
      </c>
      <c r="AK55" s="101">
        <v>0.29153028884708443</v>
      </c>
      <c r="AL55" s="98">
        <v>8.7422736354526465E-2</v>
      </c>
      <c r="AM55" s="93">
        <v>5.9685729137014934E-2</v>
      </c>
      <c r="AN55" s="92">
        <v>8.4957920122823896E-2</v>
      </c>
      <c r="AO55" s="93">
        <v>5.9074924151136458E-2</v>
      </c>
      <c r="AP55" s="92">
        <v>0.77367123488986689</v>
      </c>
      <c r="AQ55" s="93">
        <v>8.3379228389985696E-2</v>
      </c>
      <c r="AR55" s="92">
        <v>5.3948108632782613E-2</v>
      </c>
      <c r="AS55" s="93">
        <v>5.0401533407807481E-2</v>
      </c>
      <c r="AT55" s="99">
        <v>102</v>
      </c>
      <c r="AU55" s="100">
        <v>6.0153170876399047</v>
      </c>
      <c r="AV55" s="101">
        <v>0.19885171783446348</v>
      </c>
      <c r="AW55" s="92">
        <v>7.560202416596851E-3</v>
      </c>
      <c r="AX55" s="93">
        <v>3.0995671273250838E-2</v>
      </c>
      <c r="AY55" s="92">
        <v>7.8978132965828132E-2</v>
      </c>
      <c r="AZ55" s="93">
        <v>5.6923066238498445E-2</v>
      </c>
      <c r="BA55" s="92">
        <v>0.90043475208775259</v>
      </c>
      <c r="BB55" s="93">
        <v>6.1896264355427506E-2</v>
      </c>
      <c r="BC55" s="92">
        <v>1.3026912529822332E-2</v>
      </c>
      <c r="BD55" s="93">
        <v>3.3879414911169844E-2</v>
      </c>
    </row>
    <row r="56" spans="1:56">
      <c r="A56" s="48" t="s">
        <v>370</v>
      </c>
      <c r="B56" s="103">
        <v>292</v>
      </c>
      <c r="C56" s="104">
        <v>5.8713246656466662</v>
      </c>
      <c r="D56" s="105">
        <v>0.14547679404292518</v>
      </c>
      <c r="E56" s="95">
        <v>5.2367904423780594E-2</v>
      </c>
      <c r="F56" s="96">
        <v>2.726358883845138E-2</v>
      </c>
      <c r="G56" s="95">
        <v>9.8085013954943692E-2</v>
      </c>
      <c r="H56" s="96">
        <v>3.5412754171277878E-2</v>
      </c>
      <c r="I56" s="95">
        <v>0.8447260029010798</v>
      </c>
      <c r="J56" s="96">
        <v>4.2609805039013945E-2</v>
      </c>
      <c r="K56" s="95">
        <v>4.8210787201952258E-3</v>
      </c>
      <c r="L56" s="96">
        <v>1.2401037353625117E-2</v>
      </c>
      <c r="M56" s="94">
        <v>293</v>
      </c>
      <c r="N56" s="104">
        <v>5.0059000726862726</v>
      </c>
      <c r="O56" s="105">
        <v>0.16481638529046508</v>
      </c>
      <c r="P56" s="95">
        <v>0.14797602221731107</v>
      </c>
      <c r="Q56" s="96">
        <v>4.1745513691588861E-2</v>
      </c>
      <c r="R56" s="95">
        <v>0.19432269975155589</v>
      </c>
      <c r="S56" s="96">
        <v>4.6284336347871678E-2</v>
      </c>
      <c r="T56" s="95">
        <v>0.61475786717513037</v>
      </c>
      <c r="U56" s="96">
        <v>5.6518877227553693E-2</v>
      </c>
      <c r="V56" s="95">
        <v>4.2943410856002291E-2</v>
      </c>
      <c r="W56" s="96">
        <v>2.507586816318352E-2</v>
      </c>
      <c r="X56" s="103">
        <v>293</v>
      </c>
      <c r="Y56" s="104">
        <v>5.6390545335819278</v>
      </c>
      <c r="Z56" s="105">
        <v>0.16351131848252295</v>
      </c>
      <c r="AA56" s="95">
        <v>7.9992914693074471E-2</v>
      </c>
      <c r="AB56" s="96">
        <v>3.2476611826786503E-2</v>
      </c>
      <c r="AC56" s="95">
        <v>0.14032035204719354</v>
      </c>
      <c r="AD56" s="96">
        <v>4.0881167007346161E-2</v>
      </c>
      <c r="AE56" s="95">
        <v>0.77189183833146824</v>
      </c>
      <c r="AF56" s="96">
        <v>4.8969539019873783E-2</v>
      </c>
      <c r="AG56" s="95">
        <v>7.7948949282629484E-3</v>
      </c>
      <c r="AH56" s="96">
        <v>1.3836890352836868E-2</v>
      </c>
      <c r="AI56" s="94">
        <v>288</v>
      </c>
      <c r="AJ56" s="104">
        <v>5.236491214163129</v>
      </c>
      <c r="AK56" s="105">
        <v>0.17926788844955158</v>
      </c>
      <c r="AL56" s="95">
        <v>0.11273727372134369</v>
      </c>
      <c r="AM56" s="96">
        <v>3.7764278174766665E-2</v>
      </c>
      <c r="AN56" s="95">
        <v>0.16391482937374399</v>
      </c>
      <c r="AO56" s="96">
        <v>4.3811578424924121E-2</v>
      </c>
      <c r="AP56" s="95">
        <v>0.67372586413364421</v>
      </c>
      <c r="AQ56" s="96">
        <v>5.4977022408836382E-2</v>
      </c>
      <c r="AR56" s="95">
        <v>4.9622032771267255E-2</v>
      </c>
      <c r="AS56" s="96">
        <v>2.6863146830855174E-2</v>
      </c>
      <c r="AT56" s="103">
        <v>289</v>
      </c>
      <c r="AU56" s="104">
        <v>5.5328627099728109</v>
      </c>
      <c r="AV56" s="105">
        <v>0.16065369740690288</v>
      </c>
      <c r="AW56" s="95">
        <v>8.71015846624527E-2</v>
      </c>
      <c r="AX56" s="96">
        <v>3.3891617653153787E-2</v>
      </c>
      <c r="AY56" s="95">
        <v>0.14500689413782328</v>
      </c>
      <c r="AZ56" s="96">
        <v>4.1703852701943857E-2</v>
      </c>
      <c r="BA56" s="95">
        <v>0.76789152119972304</v>
      </c>
      <c r="BB56" s="96">
        <v>4.9596355034573915E-2</v>
      </c>
      <c r="BC56" s="95">
        <v>0</v>
      </c>
      <c r="BD56" s="96">
        <v>9.6203319457950059E-3</v>
      </c>
    </row>
    <row r="57" spans="1:56">
      <c r="A57" s="56" t="s">
        <v>361</v>
      </c>
      <c r="B57" s="99">
        <v>127</v>
      </c>
      <c r="C57" s="100">
        <v>5.7890807003574354</v>
      </c>
      <c r="D57" s="101">
        <v>0.2364485379762605</v>
      </c>
      <c r="E57" s="92">
        <v>5.2689033143863681E-2</v>
      </c>
      <c r="F57" s="93">
        <v>4.3490951242473083E-2</v>
      </c>
      <c r="G57" s="92">
        <v>0.12011858529775141</v>
      </c>
      <c r="H57" s="93">
        <v>5.9094537170845306E-2</v>
      </c>
      <c r="I57" s="92">
        <v>0.81578761185963178</v>
      </c>
      <c r="J57" s="93">
        <v>6.9077916131985218E-2</v>
      </c>
      <c r="K57" s="92">
        <v>1.1404769698752641E-2</v>
      </c>
      <c r="L57" s="93">
        <v>2.7975327419889805E-2</v>
      </c>
      <c r="M57" s="91">
        <v>127</v>
      </c>
      <c r="N57" s="100">
        <v>4.9346252175401686</v>
      </c>
      <c r="O57" s="101">
        <v>0.23440080221991605</v>
      </c>
      <c r="P57" s="98">
        <v>0.14341364984163751</v>
      </c>
      <c r="Q57" s="93">
        <v>6.3122984898192874E-2</v>
      </c>
      <c r="R57" s="92">
        <v>0.21522884149824292</v>
      </c>
      <c r="S57" s="93">
        <v>7.2844521609792309E-2</v>
      </c>
      <c r="T57" s="92">
        <v>0.58266926917417228</v>
      </c>
      <c r="U57" s="93">
        <v>8.6240702793754662E-2</v>
      </c>
      <c r="V57" s="92">
        <v>5.8688239485946668E-2</v>
      </c>
      <c r="W57" s="93">
        <v>4.5215632751764261E-2</v>
      </c>
      <c r="X57" s="99">
        <v>127</v>
      </c>
      <c r="Y57" s="100">
        <v>5.5539327030990302</v>
      </c>
      <c r="Z57" s="101">
        <v>0.25703125620567369</v>
      </c>
      <c r="AA57" s="92">
        <v>0.10718145851482916</v>
      </c>
      <c r="AB57" s="93">
        <v>5.6615218846268162E-2</v>
      </c>
      <c r="AC57" s="92">
        <v>0.15808332868067163</v>
      </c>
      <c r="AD57" s="93">
        <v>6.5410821855428208E-2</v>
      </c>
      <c r="AE57" s="92">
        <v>0.72333044310574612</v>
      </c>
      <c r="AF57" s="93">
        <v>7.8754212941285873E-2</v>
      </c>
      <c r="AG57" s="92">
        <v>1.1404769698752641E-2</v>
      </c>
      <c r="AH57" s="93">
        <v>2.7975327419889805E-2</v>
      </c>
      <c r="AI57" s="91">
        <v>124</v>
      </c>
      <c r="AJ57" s="100">
        <v>5.3086160678191794</v>
      </c>
      <c r="AK57" s="101">
        <v>0.25573189705333427</v>
      </c>
      <c r="AL57" s="98">
        <v>7.0113855304114375E-2</v>
      </c>
      <c r="AM57" s="93">
        <v>4.8915604261273851E-2</v>
      </c>
      <c r="AN57" s="92">
        <v>0.21601408642856326</v>
      </c>
      <c r="AO57" s="93">
        <v>7.3805856607376583E-2</v>
      </c>
      <c r="AP57" s="92">
        <v>0.64202955101159986</v>
      </c>
      <c r="AQ57" s="93">
        <v>8.4975857163517882E-2</v>
      </c>
      <c r="AR57" s="92">
        <v>7.1842507255721819E-2</v>
      </c>
      <c r="AS57" s="93">
        <v>4.9358246054891412E-2</v>
      </c>
      <c r="AT57" s="99">
        <v>125</v>
      </c>
      <c r="AU57" s="100">
        <v>5.5450095061516516</v>
      </c>
      <c r="AV57" s="101">
        <v>0.23835696342440518</v>
      </c>
      <c r="AW57" s="92">
        <v>7.8137710120471049E-2</v>
      </c>
      <c r="AX57" s="93">
        <v>5.0699864090274112E-2</v>
      </c>
      <c r="AY57" s="92">
        <v>0.15900118498828847</v>
      </c>
      <c r="AZ57" s="93">
        <v>6.6079393565354957E-2</v>
      </c>
      <c r="BA57" s="92">
        <v>0.76286110489124004</v>
      </c>
      <c r="BB57" s="93">
        <v>7.5764348227070011E-2</v>
      </c>
      <c r="BC57" s="92">
        <v>0</v>
      </c>
      <c r="BD57" s="93">
        <v>2.1755160342254897E-2</v>
      </c>
    </row>
    <row r="58" spans="1:56">
      <c r="A58" s="48" t="s">
        <v>375</v>
      </c>
      <c r="B58" s="103">
        <v>112</v>
      </c>
      <c r="C58" s="104">
        <v>5.9357489153855791</v>
      </c>
      <c r="D58" s="105">
        <v>0.19862987899313839</v>
      </c>
      <c r="E58" s="95">
        <v>4.5797395779913652E-2</v>
      </c>
      <c r="F58" s="96">
        <v>4.4598700190242743E-2</v>
      </c>
      <c r="G58" s="95">
        <v>6.9254531255262486E-2</v>
      </c>
      <c r="H58" s="96">
        <v>5.153963902830945E-2</v>
      </c>
      <c r="I58" s="95">
        <v>0.88494807296482403</v>
      </c>
      <c r="J58" s="96">
        <v>6.2106259505010641E-2</v>
      </c>
      <c r="K58" s="95">
        <v>0</v>
      </c>
      <c r="L58" s="96">
        <v>2.4171880321350918E-2</v>
      </c>
      <c r="M58" s="94">
        <v>112</v>
      </c>
      <c r="N58" s="104">
        <v>5.0927400095375406</v>
      </c>
      <c r="O58" s="105">
        <v>0.26747704593799065</v>
      </c>
      <c r="P58" s="95">
        <v>0.13280904096900006</v>
      </c>
      <c r="Q58" s="96">
        <v>6.547151132355522E-2</v>
      </c>
      <c r="R58" s="95">
        <v>0.18449926003460562</v>
      </c>
      <c r="S58" s="96">
        <v>7.3626691224973825E-2</v>
      </c>
      <c r="T58" s="95">
        <v>0.6395465629185102</v>
      </c>
      <c r="U58" s="96">
        <v>8.9413141092682516E-2</v>
      </c>
      <c r="V58" s="95">
        <v>4.3145136077884026E-2</v>
      </c>
      <c r="W58" s="96">
        <v>4.3719201604527663E-2</v>
      </c>
      <c r="X58" s="103">
        <v>112</v>
      </c>
      <c r="Y58" s="104">
        <v>5.7113521491110246</v>
      </c>
      <c r="Z58" s="105">
        <v>0.24375245436509765</v>
      </c>
      <c r="AA58" s="95">
        <v>5.096933037549127E-2</v>
      </c>
      <c r="AB58" s="96">
        <v>4.6251607942397577E-2</v>
      </c>
      <c r="AC58" s="95">
        <v>0.10180920483643111</v>
      </c>
      <c r="AD58" s="96">
        <v>5.9361675885996376E-2</v>
      </c>
      <c r="AE58" s="95">
        <v>0.84722146478807792</v>
      </c>
      <c r="AF58" s="96">
        <v>6.8884853969534809E-2</v>
      </c>
      <c r="AG58" s="95">
        <v>0</v>
      </c>
      <c r="AH58" s="96">
        <v>2.4171880321350918E-2</v>
      </c>
      <c r="AI58" s="94">
        <v>110</v>
      </c>
      <c r="AJ58" s="104">
        <v>5.4188826476654626</v>
      </c>
      <c r="AK58" s="105">
        <v>0.27582216011144561</v>
      </c>
      <c r="AL58" s="95">
        <v>9.8149349481625958E-2</v>
      </c>
      <c r="AM58" s="96">
        <v>5.9130972892490363E-2</v>
      </c>
      <c r="AN58" s="95">
        <v>0.12709283785776893</v>
      </c>
      <c r="AO58" s="96">
        <v>6.5031065272802543E-2</v>
      </c>
      <c r="AP58" s="95">
        <v>0.72824911778461465</v>
      </c>
      <c r="AQ58" s="96">
        <v>8.4083120199903272E-2</v>
      </c>
      <c r="AR58" s="95">
        <v>4.6508694875990582E-2</v>
      </c>
      <c r="AS58" s="96">
        <v>4.5315397789508362E-2</v>
      </c>
      <c r="AT58" s="103">
        <v>110</v>
      </c>
      <c r="AU58" s="104">
        <v>5.6289925370404488</v>
      </c>
      <c r="AV58" s="105">
        <v>0.2393238992004055</v>
      </c>
      <c r="AW58" s="95">
        <v>8.6881699825049577E-2</v>
      </c>
      <c r="AX58" s="96">
        <v>5.6537448132137499E-2</v>
      </c>
      <c r="AY58" s="95">
        <v>0.10796580169064264</v>
      </c>
      <c r="AZ58" s="96">
        <v>6.1245921138195124E-2</v>
      </c>
      <c r="BA58" s="95">
        <v>0.80515249848430803</v>
      </c>
      <c r="BB58" s="96">
        <v>7.5696047401855759E-2</v>
      </c>
      <c r="BC58" s="95">
        <v>0</v>
      </c>
      <c r="BD58" s="96">
        <v>2.4592162949139032E-2</v>
      </c>
    </row>
    <row r="59" spans="1:56">
      <c r="A59" s="56" t="s">
        <v>358</v>
      </c>
      <c r="B59" s="99">
        <v>97</v>
      </c>
      <c r="C59" s="100">
        <v>5.852071249690427</v>
      </c>
      <c r="D59" s="101">
        <v>0.26167465399590473</v>
      </c>
      <c r="E59" s="92">
        <v>6.347362903275762E-2</v>
      </c>
      <c r="F59" s="93">
        <v>5.4223349416985152E-2</v>
      </c>
      <c r="G59" s="92">
        <v>0.11514960674900131</v>
      </c>
      <c r="H59" s="93">
        <v>6.7012438553963979E-2</v>
      </c>
      <c r="I59" s="92">
        <v>0.82137676421824068</v>
      </c>
      <c r="J59" s="93">
        <v>7.8282507522211345E-2</v>
      </c>
      <c r="K59" s="92">
        <v>0</v>
      </c>
      <c r="L59" s="93">
        <v>2.7725572981612018E-2</v>
      </c>
      <c r="M59" s="91">
        <v>97</v>
      </c>
      <c r="N59" s="100">
        <v>5.0045419392229959</v>
      </c>
      <c r="O59" s="101">
        <v>0.30714416248678345</v>
      </c>
      <c r="P59" s="98">
        <v>0.17564294680042564</v>
      </c>
      <c r="Q59" s="93">
        <v>7.7832201845366711E-2</v>
      </c>
      <c r="R59" s="92">
        <v>0.14936616487611526</v>
      </c>
      <c r="S59" s="93">
        <v>7.3552358815539703E-2</v>
      </c>
      <c r="T59" s="92">
        <v>0.66237519422608537</v>
      </c>
      <c r="U59" s="93">
        <v>9.4540329276583457E-2</v>
      </c>
      <c r="V59" s="92">
        <v>1.2615694097373431E-2</v>
      </c>
      <c r="W59" s="93">
        <v>3.4981908414376567E-2</v>
      </c>
      <c r="X59" s="99">
        <v>98</v>
      </c>
      <c r="Y59" s="100">
        <v>5.557929125994959</v>
      </c>
      <c r="Z59" s="101">
        <v>0.30170041004549131</v>
      </c>
      <c r="AA59" s="92">
        <v>0.10148197622918916</v>
      </c>
      <c r="AB59" s="93">
        <v>6.3676680415550191E-2</v>
      </c>
      <c r="AC59" s="92">
        <v>0.16043403571746753</v>
      </c>
      <c r="AD59" s="93">
        <v>7.5032323648260582E-2</v>
      </c>
      <c r="AE59" s="92">
        <v>0.72407699096558531</v>
      </c>
      <c r="AF59" s="93">
        <v>8.9366038020776556E-2</v>
      </c>
      <c r="AG59" s="92">
        <v>1.4006997087757472E-2</v>
      </c>
      <c r="AH59" s="93">
        <v>3.5409213310108809E-2</v>
      </c>
      <c r="AI59" s="91">
        <v>98</v>
      </c>
      <c r="AJ59" s="100">
        <v>4.6477343274132439</v>
      </c>
      <c r="AK59" s="101">
        <v>0.32208726486088674</v>
      </c>
      <c r="AL59" s="98">
        <v>0.24339135103910636</v>
      </c>
      <c r="AM59" s="93">
        <v>8.6140624774708324E-2</v>
      </c>
      <c r="AN59" s="92">
        <v>0.14629466852683776</v>
      </c>
      <c r="AO59" s="93">
        <v>7.2629192367786879E-2</v>
      </c>
      <c r="AP59" s="92">
        <v>0.6103139804340556</v>
      </c>
      <c r="AQ59" s="93">
        <v>9.6764633823347032E-2</v>
      </c>
      <c r="AR59" s="92">
        <v>0</v>
      </c>
      <c r="AS59" s="93">
        <v>2.745647223584333E-2</v>
      </c>
      <c r="AT59" s="99">
        <v>97</v>
      </c>
      <c r="AU59" s="100">
        <v>5.2648111422436701</v>
      </c>
      <c r="AV59" s="101">
        <v>0.31143920389613167</v>
      </c>
      <c r="AW59" s="92">
        <v>0.11020278489725933</v>
      </c>
      <c r="AX59" s="93">
        <v>6.5959727825185763E-2</v>
      </c>
      <c r="AY59" s="92">
        <v>0.20771349867391586</v>
      </c>
      <c r="AZ59" s="93">
        <v>8.2342305985968062E-2</v>
      </c>
      <c r="BA59" s="92">
        <v>0.68208371642882437</v>
      </c>
      <c r="BB59" s="93">
        <v>9.321955679986435E-2</v>
      </c>
      <c r="BC59" s="92">
        <v>0</v>
      </c>
      <c r="BD59" s="93">
        <v>2.7725572981612018E-2</v>
      </c>
    </row>
    <row r="61" spans="1:56" ht="21" customHeight="1">
      <c r="A61" s="293" t="s">
        <v>33</v>
      </c>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293"/>
      <c r="AL61" s="293"/>
      <c r="AM61" s="293"/>
      <c r="AN61" s="293"/>
      <c r="AO61" s="293"/>
      <c r="AP61" s="293"/>
      <c r="AQ61" s="293"/>
      <c r="AR61" s="293"/>
      <c r="AS61" s="293"/>
    </row>
    <row r="62" spans="1:56" ht="73.5" customHeight="1">
      <c r="A62" s="365" t="s">
        <v>611</v>
      </c>
      <c r="B62" s="365"/>
      <c r="C62" s="365"/>
      <c r="D62" s="365"/>
      <c r="E62" s="365"/>
      <c r="F62" s="365"/>
      <c r="G62" s="365"/>
      <c r="H62" s="365"/>
      <c r="I62" s="365"/>
      <c r="J62" s="365"/>
      <c r="K62" s="365"/>
      <c r="L62" s="365"/>
      <c r="M62" s="365"/>
      <c r="N62" s="365"/>
      <c r="O62" s="365"/>
      <c r="P62" s="365"/>
      <c r="Q62" s="365"/>
      <c r="R62" s="365"/>
      <c r="S62" s="365"/>
      <c r="T62" s="365"/>
      <c r="U62" s="365"/>
      <c r="V62" s="365"/>
      <c r="W62" s="365"/>
      <c r="X62" s="365"/>
      <c r="Y62" s="365"/>
      <c r="Z62" s="365"/>
      <c r="AA62" s="365"/>
      <c r="AB62" s="365"/>
      <c r="AC62" s="365"/>
      <c r="AD62" s="365"/>
      <c r="AE62" s="365"/>
      <c r="AF62" s="365"/>
      <c r="AG62" s="365"/>
      <c r="AH62" s="365"/>
      <c r="AI62" s="365"/>
      <c r="AJ62" s="365"/>
      <c r="AK62" s="365"/>
      <c r="AL62" s="365"/>
      <c r="AM62" s="365"/>
      <c r="AN62" s="365"/>
      <c r="AO62" s="365"/>
      <c r="AP62" s="365"/>
      <c r="AQ62" s="365"/>
      <c r="AR62" s="365"/>
      <c r="AS62" s="365"/>
    </row>
    <row r="63" spans="1:56" ht="37.5" customHeight="1">
      <c r="A63" s="63"/>
      <c r="B63" s="369" t="s">
        <v>88</v>
      </c>
      <c r="C63" s="370"/>
      <c r="D63" s="370"/>
      <c r="E63" s="370"/>
      <c r="F63" s="370"/>
      <c r="G63" s="370"/>
      <c r="H63" s="370"/>
      <c r="I63" s="370"/>
      <c r="J63" s="370"/>
      <c r="K63" s="370"/>
      <c r="L63" s="371"/>
      <c r="M63" s="369" t="s">
        <v>89</v>
      </c>
      <c r="N63" s="370"/>
      <c r="O63" s="370"/>
      <c r="P63" s="370"/>
      <c r="Q63" s="370"/>
      <c r="R63" s="370"/>
      <c r="S63" s="370"/>
      <c r="T63" s="370"/>
      <c r="U63" s="370"/>
      <c r="V63" s="370"/>
      <c r="W63" s="371"/>
      <c r="X63" s="369" t="s">
        <v>90</v>
      </c>
      <c r="Y63" s="370"/>
      <c r="Z63" s="370"/>
      <c r="AA63" s="370"/>
      <c r="AB63" s="370"/>
      <c r="AC63" s="370"/>
      <c r="AD63" s="370"/>
      <c r="AE63" s="370"/>
      <c r="AF63" s="370"/>
      <c r="AG63" s="370"/>
      <c r="AH63" s="371"/>
      <c r="AI63" s="369" t="s">
        <v>546</v>
      </c>
      <c r="AJ63" s="370"/>
      <c r="AK63" s="370"/>
      <c r="AL63" s="370"/>
      <c r="AM63" s="370"/>
      <c r="AN63" s="370"/>
      <c r="AO63" s="370"/>
      <c r="AP63" s="370"/>
      <c r="AQ63" s="370"/>
      <c r="AR63" s="370"/>
      <c r="AS63" s="371"/>
    </row>
    <row r="64" spans="1:56" ht="72">
      <c r="A64" s="36" t="s">
        <v>70</v>
      </c>
      <c r="B64" s="37" t="s">
        <v>71</v>
      </c>
      <c r="C64" s="38" t="s">
        <v>594</v>
      </c>
      <c r="D64" s="39" t="s">
        <v>72</v>
      </c>
      <c r="E64" s="37" t="s">
        <v>162</v>
      </c>
      <c r="F64" s="88" t="s">
        <v>91</v>
      </c>
      <c r="G64" s="37" t="s">
        <v>163</v>
      </c>
      <c r="H64" s="88" t="s">
        <v>92</v>
      </c>
      <c r="I64" s="37" t="s">
        <v>164</v>
      </c>
      <c r="J64" s="88" t="s">
        <v>93</v>
      </c>
      <c r="K64" s="37" t="s">
        <v>301</v>
      </c>
      <c r="L64" s="88" t="s">
        <v>300</v>
      </c>
      <c r="M64" s="64" t="s">
        <v>71</v>
      </c>
      <c r="N64" s="65" t="s">
        <v>594</v>
      </c>
      <c r="O64" s="66" t="s">
        <v>72</v>
      </c>
      <c r="P64" s="64" t="s">
        <v>165</v>
      </c>
      <c r="Q64" s="87" t="s">
        <v>94</v>
      </c>
      <c r="R64" s="64" t="s">
        <v>166</v>
      </c>
      <c r="S64" s="87" t="s">
        <v>95</v>
      </c>
      <c r="T64" s="64" t="s">
        <v>167</v>
      </c>
      <c r="U64" s="87" t="s">
        <v>96</v>
      </c>
      <c r="V64" s="64" t="s">
        <v>301</v>
      </c>
      <c r="W64" s="87" t="s">
        <v>300</v>
      </c>
      <c r="X64" s="37" t="s">
        <v>71</v>
      </c>
      <c r="Y64" s="38" t="s">
        <v>594</v>
      </c>
      <c r="Z64" s="39" t="s">
        <v>72</v>
      </c>
      <c r="AA64" s="37" t="s">
        <v>168</v>
      </c>
      <c r="AB64" s="88" t="s">
        <v>97</v>
      </c>
      <c r="AC64" s="37" t="s">
        <v>169</v>
      </c>
      <c r="AD64" s="88" t="s">
        <v>98</v>
      </c>
      <c r="AE64" s="37" t="s">
        <v>170</v>
      </c>
      <c r="AF64" s="88" t="s">
        <v>99</v>
      </c>
      <c r="AG64" s="37" t="s">
        <v>301</v>
      </c>
      <c r="AH64" s="88" t="s">
        <v>300</v>
      </c>
      <c r="AI64" s="64" t="s">
        <v>71</v>
      </c>
      <c r="AJ64" s="65" t="s">
        <v>594</v>
      </c>
      <c r="AK64" s="66" t="s">
        <v>72</v>
      </c>
      <c r="AL64" s="64" t="s">
        <v>171</v>
      </c>
      <c r="AM64" s="87" t="s">
        <v>100</v>
      </c>
      <c r="AN64" s="64" t="s">
        <v>172</v>
      </c>
      <c r="AO64" s="87" t="s">
        <v>101</v>
      </c>
      <c r="AP64" s="64" t="s">
        <v>173</v>
      </c>
      <c r="AQ64" s="87" t="s">
        <v>102</v>
      </c>
      <c r="AR64" s="64" t="s">
        <v>301</v>
      </c>
      <c r="AS64" s="87" t="s">
        <v>300</v>
      </c>
    </row>
    <row r="65" spans="1:45" ht="93" customHeight="1">
      <c r="A65" s="40"/>
      <c r="B65" s="41" t="s">
        <v>73</v>
      </c>
      <c r="C65" s="42" t="s">
        <v>103</v>
      </c>
      <c r="D65" s="43" t="s">
        <v>75</v>
      </c>
      <c r="E65" s="41" t="s">
        <v>159</v>
      </c>
      <c r="F65" s="90" t="s">
        <v>87</v>
      </c>
      <c r="G65" s="41" t="s">
        <v>160</v>
      </c>
      <c r="H65" s="90" t="s">
        <v>87</v>
      </c>
      <c r="I65" s="41" t="s">
        <v>161</v>
      </c>
      <c r="J65" s="90" t="s">
        <v>87</v>
      </c>
      <c r="K65" s="41" t="s">
        <v>301</v>
      </c>
      <c r="L65" s="90" t="s">
        <v>87</v>
      </c>
      <c r="M65" s="67" t="s">
        <v>73</v>
      </c>
      <c r="N65" s="68" t="s">
        <v>103</v>
      </c>
      <c r="O65" s="69" t="s">
        <v>75</v>
      </c>
      <c r="P65" s="67" t="s">
        <v>159</v>
      </c>
      <c r="Q65" s="89" t="s">
        <v>87</v>
      </c>
      <c r="R65" s="67" t="s">
        <v>160</v>
      </c>
      <c r="S65" s="89" t="s">
        <v>87</v>
      </c>
      <c r="T65" s="67" t="s">
        <v>161</v>
      </c>
      <c r="U65" s="89" t="s">
        <v>87</v>
      </c>
      <c r="V65" s="67" t="s">
        <v>301</v>
      </c>
      <c r="W65" s="89" t="s">
        <v>87</v>
      </c>
      <c r="X65" s="41" t="s">
        <v>73</v>
      </c>
      <c r="Y65" s="42" t="s">
        <v>103</v>
      </c>
      <c r="Z65" s="43" t="s">
        <v>75</v>
      </c>
      <c r="AA65" s="41" t="s">
        <v>159</v>
      </c>
      <c r="AB65" s="90" t="s">
        <v>87</v>
      </c>
      <c r="AC65" s="41" t="s">
        <v>160</v>
      </c>
      <c r="AD65" s="90" t="s">
        <v>87</v>
      </c>
      <c r="AE65" s="41" t="s">
        <v>161</v>
      </c>
      <c r="AF65" s="90" t="s">
        <v>87</v>
      </c>
      <c r="AG65" s="41" t="s">
        <v>301</v>
      </c>
      <c r="AH65" s="90" t="s">
        <v>87</v>
      </c>
      <c r="AI65" s="67" t="s">
        <v>73</v>
      </c>
      <c r="AJ65" s="68" t="s">
        <v>103</v>
      </c>
      <c r="AK65" s="69" t="s">
        <v>75</v>
      </c>
      <c r="AL65" s="67" t="s">
        <v>159</v>
      </c>
      <c r="AM65" s="89" t="s">
        <v>87</v>
      </c>
      <c r="AN65" s="67" t="s">
        <v>160</v>
      </c>
      <c r="AO65" s="89" t="s">
        <v>87</v>
      </c>
      <c r="AP65" s="67" t="s">
        <v>161</v>
      </c>
      <c r="AQ65" s="89" t="s">
        <v>87</v>
      </c>
      <c r="AR65" s="67" t="s">
        <v>301</v>
      </c>
      <c r="AS65" s="89" t="s">
        <v>87</v>
      </c>
    </row>
    <row r="66" spans="1:45">
      <c r="A66" s="44" t="s">
        <v>349</v>
      </c>
      <c r="B66" s="99">
        <v>9587</v>
      </c>
      <c r="C66" s="100">
        <v>4.7645673363610266</v>
      </c>
      <c r="D66" s="101">
        <v>3.2470281938239864E-2</v>
      </c>
      <c r="E66" s="102">
        <v>0.19260779367091921</v>
      </c>
      <c r="F66" s="93">
        <v>8.0554027415301651E-3</v>
      </c>
      <c r="G66" s="102">
        <v>0.1910011506598602</v>
      </c>
      <c r="H66" s="93">
        <v>8.0297470112099534E-3</v>
      </c>
      <c r="I66" s="102">
        <v>0.59332223383235894</v>
      </c>
      <c r="J66" s="93">
        <v>1.0031713314593604E-2</v>
      </c>
      <c r="K66" s="92">
        <v>2.3068821836876016E-2</v>
      </c>
      <c r="L66" s="93">
        <v>3.0786677539269953E-3</v>
      </c>
      <c r="M66" s="99">
        <v>9525</v>
      </c>
      <c r="N66" s="100">
        <v>4.8634041288784955</v>
      </c>
      <c r="O66" s="101">
        <v>2.8981977849818125E-2</v>
      </c>
      <c r="P66" s="102">
        <v>0.15211679045525403</v>
      </c>
      <c r="Q66" s="93">
        <v>7.3609502787117158E-3</v>
      </c>
      <c r="R66" s="102">
        <v>0.2139504044151809</v>
      </c>
      <c r="S66" s="93">
        <v>8.4038157902556615E-3</v>
      </c>
      <c r="T66" s="102">
        <v>0.61699650465571054</v>
      </c>
      <c r="U66" s="93">
        <v>9.9600062311628133E-3</v>
      </c>
      <c r="V66" s="92">
        <v>1.6936300473869743E-2</v>
      </c>
      <c r="W66" s="93">
        <v>2.6591698489265765E-3</v>
      </c>
      <c r="X66" s="99">
        <v>9532</v>
      </c>
      <c r="Y66" s="100">
        <v>4.5434250236800198</v>
      </c>
      <c r="Z66" s="101">
        <v>3.2096927325012257E-2</v>
      </c>
      <c r="AA66" s="102">
        <v>0.21102858220833592</v>
      </c>
      <c r="AB66" s="93">
        <v>8.3587142342470694E-3</v>
      </c>
      <c r="AC66" s="102">
        <v>0.22363503398901788</v>
      </c>
      <c r="AD66" s="93">
        <v>8.5355176633382865E-3</v>
      </c>
      <c r="AE66" s="102">
        <v>0.51770555079985736</v>
      </c>
      <c r="AF66" s="93">
        <v>1.0233981926751921E-2</v>
      </c>
      <c r="AG66" s="92">
        <v>4.7630833002804358E-2</v>
      </c>
      <c r="AH66" s="93">
        <v>4.3703247696647738E-3</v>
      </c>
      <c r="AI66" s="99">
        <v>9523</v>
      </c>
      <c r="AJ66" s="100">
        <v>5.0396573548051702</v>
      </c>
      <c r="AK66" s="101">
        <v>2.9709827966179159E-2</v>
      </c>
      <c r="AL66" s="102">
        <v>0.13259713198835449</v>
      </c>
      <c r="AM66" s="93">
        <v>6.9525361740756355E-3</v>
      </c>
      <c r="AN66" s="102">
        <v>0.18688087604825138</v>
      </c>
      <c r="AO66" s="93">
        <v>7.9896733487732109E-3</v>
      </c>
      <c r="AP66" s="102">
        <v>0.67007233551241685</v>
      </c>
      <c r="AQ66" s="93">
        <v>9.6348725483679353E-3</v>
      </c>
      <c r="AR66" s="92">
        <v>1.0449656450990847E-2</v>
      </c>
      <c r="AS66" s="93">
        <v>2.103810063985888E-3</v>
      </c>
    </row>
    <row r="67" spans="1:45">
      <c r="A67" s="48" t="s">
        <v>350</v>
      </c>
      <c r="B67" s="103">
        <v>7203</v>
      </c>
      <c r="C67" s="104">
        <v>4.7479309104914273</v>
      </c>
      <c r="D67" s="105">
        <v>3.7710878836364599E-2</v>
      </c>
      <c r="E67" s="106">
        <v>0.19515814002687937</v>
      </c>
      <c r="F67" s="96">
        <v>9.3399353216683054E-3</v>
      </c>
      <c r="G67" s="106">
        <v>0.19035355791910077</v>
      </c>
      <c r="H67" s="96">
        <v>9.2518972962617949E-3</v>
      </c>
      <c r="I67" s="106">
        <v>0.5939864969946318</v>
      </c>
      <c r="J67" s="96">
        <v>1.1569646394047898E-2</v>
      </c>
      <c r="K67" s="95">
        <v>2.0501805059392125E-2</v>
      </c>
      <c r="L67" s="96">
        <v>3.3596357772601505E-3</v>
      </c>
      <c r="M67" s="103">
        <v>7153</v>
      </c>
      <c r="N67" s="104">
        <v>4.942380447568687</v>
      </c>
      <c r="O67" s="105">
        <v>3.3352412965629775E-2</v>
      </c>
      <c r="P67" s="106">
        <v>0.14204428375844136</v>
      </c>
      <c r="Q67" s="96">
        <v>8.2577890463465947E-3</v>
      </c>
      <c r="R67" s="106">
        <v>0.20676950433505983</v>
      </c>
      <c r="S67" s="96">
        <v>9.5771128563941522E-3</v>
      </c>
      <c r="T67" s="106">
        <v>0.63794247605367704</v>
      </c>
      <c r="U67" s="96">
        <v>1.1362241746809646E-2</v>
      </c>
      <c r="V67" s="95">
        <v>1.3243735852824789E-2</v>
      </c>
      <c r="W67" s="96">
        <v>2.7297955825830856E-3</v>
      </c>
      <c r="X67" s="103">
        <v>7160</v>
      </c>
      <c r="Y67" s="104">
        <v>4.406807802240631</v>
      </c>
      <c r="Z67" s="105">
        <v>3.768881409209994E-2</v>
      </c>
      <c r="AA67" s="106">
        <v>0.24370743026260969</v>
      </c>
      <c r="AB67" s="96">
        <v>1.0146537980582904E-2</v>
      </c>
      <c r="AC67" s="106">
        <v>0.225137811468125</v>
      </c>
      <c r="AD67" s="96">
        <v>9.8717380005026983E-3</v>
      </c>
      <c r="AE67" s="106">
        <v>0.48723641608191742</v>
      </c>
      <c r="AF67" s="96">
        <v>1.1810840982307648E-2</v>
      </c>
      <c r="AG67" s="95">
        <v>4.3918342187352577E-2</v>
      </c>
      <c r="AH67" s="96">
        <v>4.8553470116026376E-3</v>
      </c>
      <c r="AI67" s="103">
        <v>7151</v>
      </c>
      <c r="AJ67" s="104">
        <v>5.1012093799995002</v>
      </c>
      <c r="AK67" s="105">
        <v>3.4352209260024504E-2</v>
      </c>
      <c r="AL67" s="106">
        <v>0.12875691863748154</v>
      </c>
      <c r="AM67" s="96">
        <v>7.924614397251872E-3</v>
      </c>
      <c r="AN67" s="106">
        <v>0.17678537881662404</v>
      </c>
      <c r="AO67" s="96">
        <v>9.0235837056217814E-3</v>
      </c>
      <c r="AP67" s="106">
        <v>0.68718981784452582</v>
      </c>
      <c r="AQ67" s="96">
        <v>1.0963356522155991E-2</v>
      </c>
      <c r="AR67" s="95">
        <v>7.2678847013721605E-3</v>
      </c>
      <c r="AS67" s="96">
        <v>2.0457990671446584E-3</v>
      </c>
    </row>
    <row r="68" spans="1:45">
      <c r="A68" s="44" t="s">
        <v>351</v>
      </c>
      <c r="B68" s="99">
        <v>2384</v>
      </c>
      <c r="C68" s="100">
        <v>4.7811048007923818</v>
      </c>
      <c r="D68" s="101">
        <v>6.3701856656381756E-2</v>
      </c>
      <c r="E68" s="102">
        <v>0.19008583215813676</v>
      </c>
      <c r="F68" s="93">
        <v>1.6075341035770102E-2</v>
      </c>
      <c r="G68" s="102">
        <v>0.19164153582335763</v>
      </c>
      <c r="H68" s="93">
        <v>1.612520802485078E-2</v>
      </c>
      <c r="I68" s="102">
        <v>0.5926653637857785</v>
      </c>
      <c r="J68" s="93">
        <v>2.0110326896807636E-2</v>
      </c>
      <c r="K68" s="92">
        <v>2.5607268232729699E-2</v>
      </c>
      <c r="L68" s="93">
        <v>6.5617586368503754E-3</v>
      </c>
      <c r="M68" s="99">
        <v>2372</v>
      </c>
      <c r="N68" s="100">
        <v>4.7849602358788701</v>
      </c>
      <c r="O68" s="101">
        <v>5.8225632643737299E-2</v>
      </c>
      <c r="P68" s="102">
        <v>0.1620470442860093</v>
      </c>
      <c r="Q68" s="93">
        <v>1.5140866549873639E-2</v>
      </c>
      <c r="R68" s="102">
        <v>0.22102988946049026</v>
      </c>
      <c r="S68" s="93">
        <v>1.7038157395403375E-2</v>
      </c>
      <c r="T68" s="102">
        <v>0.59634635082859999</v>
      </c>
      <c r="U68" s="93">
        <v>2.0132081077849626E-2</v>
      </c>
      <c r="V68" s="92">
        <v>2.0576715424902456E-2</v>
      </c>
      <c r="W68" s="93">
        <v>5.9354776152824619E-3</v>
      </c>
      <c r="X68" s="99">
        <v>2372</v>
      </c>
      <c r="Y68" s="100">
        <v>4.6795675511580068</v>
      </c>
      <c r="Z68" s="101">
        <v>6.0088393487999082E-2</v>
      </c>
      <c r="AA68" s="102">
        <v>0.17871477233453401</v>
      </c>
      <c r="AB68" s="93">
        <v>1.5737913760833624E-2</v>
      </c>
      <c r="AC68" s="102">
        <v>0.22214904324472934</v>
      </c>
      <c r="AD68" s="93">
        <v>1.706881317262236E-2</v>
      </c>
      <c r="AE68" s="102">
        <v>0.54783433087983369</v>
      </c>
      <c r="AF68" s="93">
        <v>2.0421467150458297E-2</v>
      </c>
      <c r="AG68" s="92">
        <v>5.1301853540904302E-2</v>
      </c>
      <c r="AH68" s="93">
        <v>9.1146163776364073E-3</v>
      </c>
      <c r="AI68" s="99">
        <v>2372</v>
      </c>
      <c r="AJ68" s="100">
        <v>4.9785221347237956</v>
      </c>
      <c r="AK68" s="101">
        <v>5.9095460341213164E-2</v>
      </c>
      <c r="AL68" s="102">
        <v>0.13638705150860969</v>
      </c>
      <c r="AM68" s="93">
        <v>1.4108192763953682E-2</v>
      </c>
      <c r="AN68" s="102">
        <v>0.19684415634780802</v>
      </c>
      <c r="AO68" s="93">
        <v>1.6330226114806935E-2</v>
      </c>
      <c r="AP68" s="102">
        <v>0.65317903441146385</v>
      </c>
      <c r="AQ68" s="93">
        <v>1.9532202524649853E-2</v>
      </c>
      <c r="AR68" s="92">
        <v>1.35897577321204E-2</v>
      </c>
      <c r="AS68" s="93">
        <v>4.8895238745895594E-3</v>
      </c>
    </row>
    <row r="69" spans="1:45">
      <c r="A69" s="48" t="s">
        <v>558</v>
      </c>
      <c r="B69" s="103">
        <v>234</v>
      </c>
      <c r="C69" s="104">
        <v>4.8450805386674238</v>
      </c>
      <c r="D69" s="105">
        <v>0.18840449484063942</v>
      </c>
      <c r="E69" s="106">
        <v>0.17235395589996774</v>
      </c>
      <c r="F69" s="96">
        <v>4.9574019823269921E-2</v>
      </c>
      <c r="G69" s="106">
        <v>0.17413174414778024</v>
      </c>
      <c r="H69" s="96">
        <v>4.9764031514984139E-2</v>
      </c>
      <c r="I69" s="106">
        <v>0.62275459481494577</v>
      </c>
      <c r="J69" s="96">
        <v>6.2903629595192689E-2</v>
      </c>
      <c r="K69" s="95">
        <v>3.0759705137306862E-2</v>
      </c>
      <c r="L69" s="96">
        <v>2.4988258036310062E-2</v>
      </c>
      <c r="M69" s="103">
        <v>234</v>
      </c>
      <c r="N69" s="104">
        <v>4.828182911936346</v>
      </c>
      <c r="O69" s="105">
        <v>0.16912274146788567</v>
      </c>
      <c r="P69" s="106">
        <v>0.13315687728869133</v>
      </c>
      <c r="Q69" s="96">
        <v>4.4892327288437325E-2</v>
      </c>
      <c r="R69" s="106">
        <v>0.25455130950427524</v>
      </c>
      <c r="S69" s="96">
        <v>5.677065273028771E-2</v>
      </c>
      <c r="T69" s="106">
        <v>0.60829111133552627</v>
      </c>
      <c r="U69" s="96">
        <v>6.3333704227937063E-2</v>
      </c>
      <c r="V69" s="95">
        <v>4.0007018715076019E-3</v>
      </c>
      <c r="W69" s="96">
        <v>1.4310263866441214E-2</v>
      </c>
      <c r="X69" s="103">
        <v>234</v>
      </c>
      <c r="Y69" s="104">
        <v>4.6628470611621458</v>
      </c>
      <c r="Z69" s="105">
        <v>0.17863280411183383</v>
      </c>
      <c r="AA69" s="106">
        <v>0.13756015657358689</v>
      </c>
      <c r="AB69" s="96">
        <v>4.5469688001710272E-2</v>
      </c>
      <c r="AC69" s="106">
        <v>0.26514941505782308</v>
      </c>
      <c r="AD69" s="96">
        <v>5.7494401066974503E-2</v>
      </c>
      <c r="AE69" s="106">
        <v>0.54333268410418878</v>
      </c>
      <c r="AF69" s="96">
        <v>6.4584628187167911E-2</v>
      </c>
      <c r="AG69" s="95">
        <v>5.3957744264402203E-2</v>
      </c>
      <c r="AH69" s="96">
        <v>3.1134737707642222E-2</v>
      </c>
      <c r="AI69" s="103">
        <v>235</v>
      </c>
      <c r="AJ69" s="104">
        <v>4.8083864557374447</v>
      </c>
      <c r="AK69" s="105">
        <v>0.18192624320010753</v>
      </c>
      <c r="AL69" s="106">
        <v>0.16765514062522843</v>
      </c>
      <c r="AM69" s="96">
        <v>4.8957864357259094E-2</v>
      </c>
      <c r="AN69" s="106">
        <v>0.25664929432122574</v>
      </c>
      <c r="AO69" s="96">
        <v>5.6796795700151607E-2</v>
      </c>
      <c r="AP69" s="106">
        <v>0.56122413468276133</v>
      </c>
      <c r="AQ69" s="96">
        <v>6.4214080320657188E-2</v>
      </c>
      <c r="AR69" s="95">
        <v>1.4471430370785252E-2</v>
      </c>
      <c r="AS69" s="96">
        <v>1.9226371195763516E-2</v>
      </c>
    </row>
    <row r="70" spans="1:45">
      <c r="A70" s="44" t="s">
        <v>559</v>
      </c>
      <c r="B70" s="99">
        <v>2572</v>
      </c>
      <c r="C70" s="100">
        <v>4.7038418530206103</v>
      </c>
      <c r="D70" s="101">
        <v>6.4870134567988111E-2</v>
      </c>
      <c r="E70" s="102">
        <v>0.211538514804022</v>
      </c>
      <c r="F70" s="93">
        <v>1.6105638608026787E-2</v>
      </c>
      <c r="G70" s="102">
        <v>0.18907353307604907</v>
      </c>
      <c r="H70" s="93">
        <v>1.5444990183380894E-2</v>
      </c>
      <c r="I70" s="102">
        <v>0.57616586552104065</v>
      </c>
      <c r="J70" s="93">
        <v>1.9473535282948103E-2</v>
      </c>
      <c r="K70" s="92">
        <v>2.3222086598899398E-2</v>
      </c>
      <c r="L70" s="93">
        <v>6.0263689668078498E-3</v>
      </c>
      <c r="M70" s="99">
        <v>2547</v>
      </c>
      <c r="N70" s="100">
        <v>4.7847549170829176</v>
      </c>
      <c r="O70" s="101">
        <v>5.6341514667881003E-2</v>
      </c>
      <c r="P70" s="102">
        <v>0.17056042198619037</v>
      </c>
      <c r="Q70" s="93">
        <v>1.49117173003385E-2</v>
      </c>
      <c r="R70" s="102">
        <v>0.21579924691653127</v>
      </c>
      <c r="S70" s="93">
        <v>1.6301886932320878E-2</v>
      </c>
      <c r="T70" s="102">
        <v>0.59544744321370713</v>
      </c>
      <c r="U70" s="93">
        <v>1.9436125342255042E-2</v>
      </c>
      <c r="V70" s="92">
        <v>1.8192887883581879E-2</v>
      </c>
      <c r="W70" s="93">
        <v>5.3989163436521399E-3</v>
      </c>
      <c r="X70" s="99">
        <v>2553</v>
      </c>
      <c r="Y70" s="100">
        <v>4.5852646310483838</v>
      </c>
      <c r="Z70" s="101">
        <v>6.3373394970333882E-2</v>
      </c>
      <c r="AA70" s="102">
        <v>0.19454893354608654</v>
      </c>
      <c r="AB70" s="93">
        <v>1.5671207347258753E-2</v>
      </c>
      <c r="AC70" s="102">
        <v>0.23337752155095148</v>
      </c>
      <c r="AD70" s="93">
        <v>1.6739962430810211E-2</v>
      </c>
      <c r="AE70" s="102">
        <v>0.5226923793053877</v>
      </c>
      <c r="AF70" s="93">
        <v>1.9755512520075829E-2</v>
      </c>
      <c r="AG70" s="92">
        <v>4.9381165597585125E-2</v>
      </c>
      <c r="AH70" s="93">
        <v>8.6271091706434325E-3</v>
      </c>
      <c r="AI70" s="99">
        <v>2548</v>
      </c>
      <c r="AJ70" s="100">
        <v>4.9315558229422853</v>
      </c>
      <c r="AK70" s="101">
        <v>6.0103644669630744E-2</v>
      </c>
      <c r="AL70" s="102">
        <v>0.15512944859105915</v>
      </c>
      <c r="AM70" s="93">
        <v>1.4353183308482799E-2</v>
      </c>
      <c r="AN70" s="102">
        <v>0.19895702111808553</v>
      </c>
      <c r="AO70" s="93">
        <v>1.5819168118074954E-2</v>
      </c>
      <c r="AP70" s="102">
        <v>0.63757316351104631</v>
      </c>
      <c r="AQ70" s="93">
        <v>1.9033583111779724E-2</v>
      </c>
      <c r="AR70" s="92">
        <v>8.3403667798184773E-3</v>
      </c>
      <c r="AS70" s="93">
        <v>3.7617075275865131E-3</v>
      </c>
    </row>
    <row r="71" spans="1:45">
      <c r="A71" s="48" t="s">
        <v>560</v>
      </c>
      <c r="B71" s="103">
        <v>2149</v>
      </c>
      <c r="C71" s="104">
        <v>4.7672586110192192</v>
      </c>
      <c r="D71" s="105">
        <v>7.0818792340119535E-2</v>
      </c>
      <c r="E71" s="106">
        <v>0.20352865970220946</v>
      </c>
      <c r="F71" s="96">
        <v>1.7371706761466418E-2</v>
      </c>
      <c r="G71" s="106">
        <v>0.17283324924413332</v>
      </c>
      <c r="H71" s="96">
        <v>1.632002716276475E-2</v>
      </c>
      <c r="I71" s="106">
        <v>0.59658886607299022</v>
      </c>
      <c r="J71" s="96">
        <v>2.1147096109517233E-2</v>
      </c>
      <c r="K71" s="95">
        <v>2.7049224980665913E-2</v>
      </c>
      <c r="L71" s="96">
        <v>7.101930462850751E-3</v>
      </c>
      <c r="M71" s="103">
        <v>2125</v>
      </c>
      <c r="N71" s="104">
        <v>4.8884329767418757</v>
      </c>
      <c r="O71" s="105">
        <v>6.1017011409459566E-2</v>
      </c>
      <c r="P71" s="106">
        <v>0.15261409544399132</v>
      </c>
      <c r="Q71" s="96">
        <v>1.5614909415335625E-2</v>
      </c>
      <c r="R71" s="106">
        <v>0.20983871576210905</v>
      </c>
      <c r="S71" s="96">
        <v>1.7666739065944233E-2</v>
      </c>
      <c r="T71" s="106">
        <v>0.62511884912408178</v>
      </c>
      <c r="U71" s="96">
        <v>2.0985760590742173E-2</v>
      </c>
      <c r="V71" s="95">
        <v>1.2428339669816752E-2</v>
      </c>
      <c r="W71" s="96">
        <v>4.9736410582072342E-3</v>
      </c>
      <c r="X71" s="103">
        <v>2133</v>
      </c>
      <c r="Y71" s="104">
        <v>4.4231112249915432</v>
      </c>
      <c r="Z71" s="105">
        <v>6.975004990810578E-2</v>
      </c>
      <c r="AA71" s="106">
        <v>0.22601083824660775</v>
      </c>
      <c r="AB71" s="96">
        <v>1.8109566493174929E-2</v>
      </c>
      <c r="AC71" s="106">
        <v>0.24479352090224932</v>
      </c>
      <c r="AD71" s="96">
        <v>1.8614290230709443E-2</v>
      </c>
      <c r="AE71" s="106">
        <v>0.48752747395180707</v>
      </c>
      <c r="AF71" s="96">
        <v>2.1625346829124845E-2</v>
      </c>
      <c r="AG71" s="95">
        <v>4.1668166899335342E-2</v>
      </c>
      <c r="AH71" s="96">
        <v>8.7300918285364258E-3</v>
      </c>
      <c r="AI71" s="103">
        <v>2129</v>
      </c>
      <c r="AJ71" s="104">
        <v>5.0106499425019608</v>
      </c>
      <c r="AK71" s="105">
        <v>6.56916755694089E-2</v>
      </c>
      <c r="AL71" s="106">
        <v>0.1394927015117822</v>
      </c>
      <c r="AM71" s="96">
        <v>1.5033731569095791E-2</v>
      </c>
      <c r="AN71" s="106">
        <v>0.19975545444805917</v>
      </c>
      <c r="AO71" s="96">
        <v>1.7332197253980546E-2</v>
      </c>
      <c r="AP71" s="106">
        <v>0.65598907121254568</v>
      </c>
      <c r="AQ71" s="96">
        <v>2.0575798854000665E-2</v>
      </c>
      <c r="AR71" s="95">
        <v>4.7627728276130035E-3</v>
      </c>
      <c r="AS71" s="96">
        <v>3.2576772052625557E-3</v>
      </c>
    </row>
    <row r="72" spans="1:45">
      <c r="A72" s="44" t="s">
        <v>368</v>
      </c>
      <c r="B72" s="99">
        <v>124</v>
      </c>
      <c r="C72" s="100">
        <v>4.8596791519804849</v>
      </c>
      <c r="D72" s="101">
        <v>0.26666873887334375</v>
      </c>
      <c r="E72" s="102">
        <v>0.20839115732878277</v>
      </c>
      <c r="F72" s="93">
        <v>7.2928897844000737E-2</v>
      </c>
      <c r="G72" s="102">
        <v>0.11645515670570195</v>
      </c>
      <c r="H72" s="93">
        <v>5.9145968737753081E-2</v>
      </c>
      <c r="I72" s="102">
        <v>0.63694674050181899</v>
      </c>
      <c r="J72" s="93">
        <v>8.5220197507151124E-2</v>
      </c>
      <c r="K72" s="92">
        <v>3.8206945463695949E-2</v>
      </c>
      <c r="L72" s="93">
        <v>3.9475950608418818E-2</v>
      </c>
      <c r="M72" s="99">
        <v>124</v>
      </c>
      <c r="N72" s="100">
        <v>4.8844718843690345</v>
      </c>
      <c r="O72" s="101">
        <v>0.24388605036236227</v>
      </c>
      <c r="P72" s="102">
        <v>0.17080398647966455</v>
      </c>
      <c r="Q72" s="93">
        <v>6.8075619843531013E-2</v>
      </c>
      <c r="R72" s="102">
        <v>0.17438205774873555</v>
      </c>
      <c r="S72" s="93">
        <v>6.857844593928869E-2</v>
      </c>
      <c r="T72" s="102">
        <v>0.64065683133323204</v>
      </c>
      <c r="U72" s="93">
        <v>8.5042793761289176E-2</v>
      </c>
      <c r="V72" s="92">
        <v>1.4157124438367578E-2</v>
      </c>
      <c r="W72" s="93">
        <v>2.9832289272951805E-2</v>
      </c>
      <c r="X72" s="99">
        <v>124</v>
      </c>
      <c r="Y72" s="100">
        <v>4.7398820910979103</v>
      </c>
      <c r="Z72" s="101">
        <v>0.24035162793198886</v>
      </c>
      <c r="AA72" s="102">
        <v>0.14843441250675449</v>
      </c>
      <c r="AB72" s="93">
        <v>6.4712304135587845E-2</v>
      </c>
      <c r="AC72" s="102">
        <v>0.25915706147967743</v>
      </c>
      <c r="AD72" s="93">
        <v>7.817515704098929E-2</v>
      </c>
      <c r="AE72" s="102">
        <v>0.55771288757188986</v>
      </c>
      <c r="AF72" s="93">
        <v>8.7834030898267593E-2</v>
      </c>
      <c r="AG72" s="92">
        <v>3.4695638441677709E-2</v>
      </c>
      <c r="AH72" s="93">
        <v>3.8247621119236477E-2</v>
      </c>
      <c r="AI72" s="99">
        <v>124</v>
      </c>
      <c r="AJ72" s="100">
        <v>4.9995579516466186</v>
      </c>
      <c r="AK72" s="101">
        <v>0.23902936468517294</v>
      </c>
      <c r="AL72" s="102">
        <v>0.13237338740104707</v>
      </c>
      <c r="AM72" s="93">
        <v>6.2039686098458793E-2</v>
      </c>
      <c r="AN72" s="102">
        <v>0.23017615722638415</v>
      </c>
      <c r="AO72" s="93">
        <v>7.5348005523289935E-2</v>
      </c>
      <c r="AP72" s="102">
        <v>0.63745045537256861</v>
      </c>
      <c r="AQ72" s="93">
        <v>8.5196411257364157E-2</v>
      </c>
      <c r="AR72" s="92">
        <v>0</v>
      </c>
      <c r="AS72" s="93">
        <v>2.1923773750628563E-2</v>
      </c>
    </row>
    <row r="73" spans="1:45">
      <c r="A73" s="48" t="s">
        <v>150</v>
      </c>
      <c r="B73" s="103">
        <v>172</v>
      </c>
      <c r="C73" s="104">
        <v>4.991085953012246</v>
      </c>
      <c r="D73" s="105">
        <v>0.26730025509520161</v>
      </c>
      <c r="E73" s="106">
        <v>0.17343886660619987</v>
      </c>
      <c r="F73" s="96">
        <v>5.8026270290316449E-2</v>
      </c>
      <c r="G73" s="106">
        <v>0.10995374947285445</v>
      </c>
      <c r="H73" s="96">
        <v>4.8780728314970816E-2</v>
      </c>
      <c r="I73" s="106">
        <v>0.69492918555488403</v>
      </c>
      <c r="J73" s="96">
        <v>6.9692529246341783E-2</v>
      </c>
      <c r="K73" s="95">
        <v>2.1678198366062024E-2</v>
      </c>
      <c r="L73" s="96">
        <v>2.6752103290898471E-2</v>
      </c>
      <c r="M73" s="103">
        <v>172</v>
      </c>
      <c r="N73" s="104">
        <v>5.0976865269917928</v>
      </c>
      <c r="O73" s="105">
        <v>0.2018435905553862</v>
      </c>
      <c r="P73" s="106">
        <v>8.01299111055635E-2</v>
      </c>
      <c r="Q73" s="96">
        <v>4.3072684723845532E-2</v>
      </c>
      <c r="R73" s="106">
        <v>0.23632507263475794</v>
      </c>
      <c r="S73" s="96">
        <v>6.4596619729422142E-2</v>
      </c>
      <c r="T73" s="106">
        <v>0.67845072283950814</v>
      </c>
      <c r="U73" s="96">
        <v>7.0644174854296221E-2</v>
      </c>
      <c r="V73" s="95">
        <v>5.0942934201707599E-3</v>
      </c>
      <c r="W73" s="96">
        <v>1.9113943333094918E-2</v>
      </c>
      <c r="X73" s="103">
        <v>171</v>
      </c>
      <c r="Y73" s="104">
        <v>4.4895011412268611</v>
      </c>
      <c r="Z73" s="105">
        <v>0.26320355525651223</v>
      </c>
      <c r="AA73" s="106">
        <v>0.2295702516234224</v>
      </c>
      <c r="AB73" s="96">
        <v>6.4173467030026618E-2</v>
      </c>
      <c r="AC73" s="106">
        <v>0.19118363167266175</v>
      </c>
      <c r="AD73" s="96">
        <v>6.0274094956383299E-2</v>
      </c>
      <c r="AE73" s="106">
        <v>0.55438113072202144</v>
      </c>
      <c r="AF73" s="96">
        <v>7.5164784881314145E-2</v>
      </c>
      <c r="AG73" s="95">
        <v>2.4864985981894804E-2</v>
      </c>
      <c r="AH73" s="96">
        <v>2.8060719427072028E-2</v>
      </c>
      <c r="AI73" s="103">
        <v>171</v>
      </c>
      <c r="AJ73" s="104">
        <v>5.3009372177107066</v>
      </c>
      <c r="AK73" s="105">
        <v>0.22973388543074832</v>
      </c>
      <c r="AL73" s="106">
        <v>8.7156220739748561E-2</v>
      </c>
      <c r="AM73" s="96">
        <v>4.4660627581753203E-2</v>
      </c>
      <c r="AN73" s="106">
        <v>0.18372143770553534</v>
      </c>
      <c r="AO73" s="96">
        <v>5.9423613713924364E-2</v>
      </c>
      <c r="AP73" s="106">
        <v>0.71660190059306916</v>
      </c>
      <c r="AQ73" s="96">
        <v>6.8486303814592253E-2</v>
      </c>
      <c r="AR73" s="95">
        <v>1.2520440961647618E-2</v>
      </c>
      <c r="AS73" s="96">
        <v>2.2979693553669411E-2</v>
      </c>
    </row>
    <row r="74" spans="1:45">
      <c r="A74" s="44" t="s">
        <v>352</v>
      </c>
      <c r="B74" s="99">
        <v>62</v>
      </c>
      <c r="C74" s="100">
        <v>4.444149434146957</v>
      </c>
      <c r="D74" s="101">
        <v>0.45931096380463754</v>
      </c>
      <c r="E74" s="102">
        <v>0.30944782810558474</v>
      </c>
      <c r="F74" s="93">
        <v>0.11493284657189072</v>
      </c>
      <c r="G74" s="102">
        <v>9.2245312874148611E-2</v>
      </c>
      <c r="H74" s="93">
        <v>7.9115799409969212E-2</v>
      </c>
      <c r="I74" s="102">
        <v>0.59830685902026648</v>
      </c>
      <c r="J74" s="93">
        <v>0.12097374788083864</v>
      </c>
      <c r="K74" s="92">
        <v>0</v>
      </c>
      <c r="L74" s="93">
        <v>4.2200643868047963E-2</v>
      </c>
      <c r="M74" s="99">
        <v>62</v>
      </c>
      <c r="N74" s="100">
        <v>5.074179211681245</v>
      </c>
      <c r="O74" s="101">
        <v>0.32803186749411034</v>
      </c>
      <c r="P74" s="102">
        <v>9.2548960709746844E-2</v>
      </c>
      <c r="Q74" s="93">
        <v>7.9199422517263626E-2</v>
      </c>
      <c r="R74" s="102">
        <v>0.19051733531106763</v>
      </c>
      <c r="S74" s="93">
        <v>0.10014483807290812</v>
      </c>
      <c r="T74" s="102">
        <v>0.71693370397918532</v>
      </c>
      <c r="U74" s="93">
        <v>0.11240381259870989</v>
      </c>
      <c r="V74" s="92">
        <v>0</v>
      </c>
      <c r="W74" s="93">
        <v>4.2200643868047963E-2</v>
      </c>
      <c r="X74" s="99">
        <v>62</v>
      </c>
      <c r="Y74" s="100">
        <v>4.0131040136283715</v>
      </c>
      <c r="Z74" s="101">
        <v>0.45678243268422913</v>
      </c>
      <c r="AA74" s="102">
        <v>0.35716884689453215</v>
      </c>
      <c r="AB74" s="93">
        <v>0.11857669673063935</v>
      </c>
      <c r="AC74" s="102">
        <v>0.16934385448373684</v>
      </c>
      <c r="AD74" s="93">
        <v>9.6457704664711957E-2</v>
      </c>
      <c r="AE74" s="102">
        <v>0.45394154614238968</v>
      </c>
      <c r="AF74" s="93">
        <v>0.12262976155306977</v>
      </c>
      <c r="AG74" s="92">
        <v>1.9545752479340848E-2</v>
      </c>
      <c r="AH74" s="93">
        <v>5.2969967572808647E-2</v>
      </c>
      <c r="AI74" s="99">
        <v>61</v>
      </c>
      <c r="AJ74" s="100">
        <v>5.0047626401801724</v>
      </c>
      <c r="AK74" s="101">
        <v>0.38735472117212288</v>
      </c>
      <c r="AL74" s="102">
        <v>0.15461646751256927</v>
      </c>
      <c r="AM74" s="93">
        <v>9.444258714162368E-2</v>
      </c>
      <c r="AN74" s="102">
        <v>0.19806377206826181</v>
      </c>
      <c r="AO74" s="93">
        <v>0.10219427642006627</v>
      </c>
      <c r="AP74" s="102">
        <v>0.64731976041916861</v>
      </c>
      <c r="AQ74" s="93">
        <v>0.1191988257850377</v>
      </c>
      <c r="AR74" s="92">
        <v>0</v>
      </c>
      <c r="AS74" s="93">
        <v>4.2839582851592964E-2</v>
      </c>
    </row>
    <row r="75" spans="1:45">
      <c r="A75" s="48" t="s">
        <v>353</v>
      </c>
      <c r="B75" s="103">
        <v>81</v>
      </c>
      <c r="C75" s="104">
        <v>5.2882549372204544</v>
      </c>
      <c r="D75" s="105">
        <v>0.38033253805870043</v>
      </c>
      <c r="E75" s="106">
        <v>0.10964883583620574</v>
      </c>
      <c r="F75" s="96">
        <v>7.2478675692202871E-2</v>
      </c>
      <c r="G75" s="106">
        <v>0.11702671837794724</v>
      </c>
      <c r="H75" s="96">
        <v>7.4141600811534286E-2</v>
      </c>
      <c r="I75" s="106">
        <v>0.7733244457858468</v>
      </c>
      <c r="J75" s="96">
        <v>9.258623569533278E-2</v>
      </c>
      <c r="K75" s="95">
        <v>0</v>
      </c>
      <c r="L75" s="96">
        <v>3.2881805121991139E-2</v>
      </c>
      <c r="M75" s="103">
        <v>81</v>
      </c>
      <c r="N75" s="104">
        <v>5.1357542509168042</v>
      </c>
      <c r="O75" s="105">
        <v>0.31452707114175815</v>
      </c>
      <c r="P75" s="106">
        <v>9.2476860063691546E-2</v>
      </c>
      <c r="Q75" s="96">
        <v>6.8320252849822294E-2</v>
      </c>
      <c r="R75" s="106">
        <v>0.20027321114296806</v>
      </c>
      <c r="S75" s="96">
        <v>8.9026122750676479E-2</v>
      </c>
      <c r="T75" s="106">
        <v>0.69543676332321369</v>
      </c>
      <c r="U75" s="96">
        <v>0.10066011758973793</v>
      </c>
      <c r="V75" s="95">
        <v>1.1813165470126454E-2</v>
      </c>
      <c r="W75" s="96">
        <v>3.9750132284571707E-2</v>
      </c>
      <c r="X75" s="103">
        <v>81</v>
      </c>
      <c r="Y75" s="104">
        <v>4.5494738289630874</v>
      </c>
      <c r="Z75" s="105">
        <v>0.37402929571326388</v>
      </c>
      <c r="AA75" s="106">
        <v>0.20175051545651995</v>
      </c>
      <c r="AB75" s="96">
        <v>8.9237892287274218E-2</v>
      </c>
      <c r="AC75" s="106">
        <v>0.21564037537485226</v>
      </c>
      <c r="AD75" s="96">
        <v>9.1154923354648226E-2</v>
      </c>
      <c r="AE75" s="106">
        <v>0.55968182594783356</v>
      </c>
      <c r="AF75" s="96">
        <v>0.10776126800075896</v>
      </c>
      <c r="AG75" s="95">
        <v>2.2927283220793994E-2</v>
      </c>
      <c r="AH75" s="96">
        <v>4.5150010119897138E-2</v>
      </c>
      <c r="AI75" s="103">
        <v>81</v>
      </c>
      <c r="AJ75" s="104">
        <v>5.5032277328509043</v>
      </c>
      <c r="AK75" s="105">
        <v>0.34090021833486633</v>
      </c>
      <c r="AL75" s="106">
        <v>4.1024435198185688E-2</v>
      </c>
      <c r="AM75" s="96">
        <v>5.255881162768216E-2</v>
      </c>
      <c r="AN75" s="106">
        <v>0.21282005385051728</v>
      </c>
      <c r="AO75" s="96">
        <v>9.0776296907982321E-2</v>
      </c>
      <c r="AP75" s="106">
        <v>0.71725336846463261</v>
      </c>
      <c r="AQ75" s="96">
        <v>9.873046168630209E-2</v>
      </c>
      <c r="AR75" s="95">
        <v>2.8902142486664187E-2</v>
      </c>
      <c r="AS75" s="96">
        <v>4.7755829985050381E-2</v>
      </c>
    </row>
    <row r="76" spans="1:45">
      <c r="A76" s="44" t="s">
        <v>369</v>
      </c>
      <c r="B76" s="99">
        <v>291</v>
      </c>
      <c r="C76" s="100">
        <v>5.0818460598523609</v>
      </c>
      <c r="D76" s="101">
        <v>0.17119415290631412</v>
      </c>
      <c r="E76" s="102">
        <v>0.13130996248033938</v>
      </c>
      <c r="F76" s="93">
        <v>3.9954035491052232E-2</v>
      </c>
      <c r="G76" s="102">
        <v>0.21310053371039242</v>
      </c>
      <c r="H76" s="93">
        <v>4.7997984961902038E-2</v>
      </c>
      <c r="I76" s="102">
        <v>0.64572803720458394</v>
      </c>
      <c r="J76" s="93">
        <v>5.576407252932266E-2</v>
      </c>
      <c r="K76" s="92">
        <v>9.8614666046869873E-3</v>
      </c>
      <c r="L76" s="93">
        <v>1.4836929712176386E-2</v>
      </c>
      <c r="M76" s="99">
        <v>285</v>
      </c>
      <c r="N76" s="100">
        <v>5.1639736552982969</v>
      </c>
      <c r="O76" s="101">
        <v>0.160694492828442</v>
      </c>
      <c r="P76" s="102">
        <v>8.5194801269592557E-2</v>
      </c>
      <c r="Q76" s="93">
        <v>3.3825664292892813E-2</v>
      </c>
      <c r="R76" s="102">
        <v>0.24486143210053765</v>
      </c>
      <c r="S76" s="93">
        <v>5.0833032562687126E-2</v>
      </c>
      <c r="T76" s="102">
        <v>0.6668432237545211</v>
      </c>
      <c r="U76" s="93">
        <v>5.5547426175205888E-2</v>
      </c>
      <c r="V76" s="92">
        <v>3.1005428753513491E-3</v>
      </c>
      <c r="W76" s="93">
        <v>1.1693006604646871E-2</v>
      </c>
      <c r="X76" s="99">
        <v>290</v>
      </c>
      <c r="Y76" s="100">
        <v>4.6517343380220639</v>
      </c>
      <c r="Z76" s="101">
        <v>0.17237125539858628</v>
      </c>
      <c r="AA76" s="102">
        <v>0.17576773714440425</v>
      </c>
      <c r="AB76" s="93">
        <v>4.4829922985549261E-2</v>
      </c>
      <c r="AC76" s="102">
        <v>0.22880058647186657</v>
      </c>
      <c r="AD76" s="93">
        <v>4.9272061631085634E-2</v>
      </c>
      <c r="AE76" s="102">
        <v>0.57512993508160193</v>
      </c>
      <c r="AF76" s="93">
        <v>5.7677031828728201E-2</v>
      </c>
      <c r="AG76" s="92">
        <v>2.0301741302129958E-2</v>
      </c>
      <c r="AH76" s="93">
        <v>1.884721720034005E-2</v>
      </c>
      <c r="AI76" s="99">
        <v>289</v>
      </c>
      <c r="AJ76" s="100">
        <v>5.2206881034648696</v>
      </c>
      <c r="AK76" s="101">
        <v>0.16606074506529553</v>
      </c>
      <c r="AL76" s="102">
        <v>8.1580503134790677E-2</v>
      </c>
      <c r="AM76" s="93">
        <v>3.2980022219908076E-2</v>
      </c>
      <c r="AN76" s="102">
        <v>0.21198098928475748</v>
      </c>
      <c r="AO76" s="93">
        <v>4.8074823710103916E-2</v>
      </c>
      <c r="AP76" s="102">
        <v>0.70391770291251998</v>
      </c>
      <c r="AQ76" s="93">
        <v>5.3485371928173132E-2</v>
      </c>
      <c r="AR76" s="92">
        <v>2.5208046679344011E-3</v>
      </c>
      <c r="AS76" s="93">
        <v>1.1222606413583663E-2</v>
      </c>
    </row>
    <row r="77" spans="1:45">
      <c r="A77" s="48" t="s">
        <v>354</v>
      </c>
      <c r="B77" s="103">
        <v>44</v>
      </c>
      <c r="C77" s="104">
        <v>4.5645781139175119</v>
      </c>
      <c r="D77" s="105">
        <v>0.52737527252455052</v>
      </c>
      <c r="E77" s="106">
        <v>0.26586995985906364</v>
      </c>
      <c r="F77" s="96">
        <v>0.13036442430903433</v>
      </c>
      <c r="G77" s="106">
        <v>0.19074990153487487</v>
      </c>
      <c r="H77" s="96">
        <v>0.11889754374126633</v>
      </c>
      <c r="I77" s="106">
        <v>0.54338013860606171</v>
      </c>
      <c r="J77" s="96">
        <v>0.14388037122040409</v>
      </c>
      <c r="K77" s="95">
        <v>0</v>
      </c>
      <c r="L77" s="96">
        <v>5.7684887936931072E-2</v>
      </c>
      <c r="M77" s="103">
        <v>42</v>
      </c>
      <c r="N77" s="104">
        <v>5.3039707020133831</v>
      </c>
      <c r="O77" s="105">
        <v>0.5087346517248027</v>
      </c>
      <c r="P77" s="106">
        <v>8.1930579099842415E-2</v>
      </c>
      <c r="Q77" s="96">
        <v>9.5231175301950619E-2</v>
      </c>
      <c r="R77" s="106">
        <v>0.20650271689460362</v>
      </c>
      <c r="S77" s="96">
        <v>0.1244776848211233</v>
      </c>
      <c r="T77" s="106">
        <v>0.70959352664532427</v>
      </c>
      <c r="U77" s="96">
        <v>0.13621539451561598</v>
      </c>
      <c r="V77" s="95">
        <v>1.9731773602299969E-3</v>
      </c>
      <c r="W77" s="96">
        <v>6.131145866831865E-2</v>
      </c>
      <c r="X77" s="103">
        <v>44</v>
      </c>
      <c r="Y77" s="104">
        <v>3.8550627658491834</v>
      </c>
      <c r="Z77" s="105">
        <v>0.47396301324093892</v>
      </c>
      <c r="AA77" s="106">
        <v>0.3828764072373726</v>
      </c>
      <c r="AB77" s="96">
        <v>0.14097077807051056</v>
      </c>
      <c r="AC77" s="106">
        <v>0.23446342434315987</v>
      </c>
      <c r="AD77" s="96">
        <v>0.1260794354927374</v>
      </c>
      <c r="AE77" s="106">
        <v>0.38266016841946771</v>
      </c>
      <c r="AF77" s="96">
        <v>0.14095818560704917</v>
      </c>
      <c r="AG77" s="95">
        <v>0</v>
      </c>
      <c r="AH77" s="96">
        <v>5.7684887936931072E-2</v>
      </c>
      <c r="AI77" s="103">
        <v>44</v>
      </c>
      <c r="AJ77" s="104">
        <v>5.3439359981760468</v>
      </c>
      <c r="AK77" s="105">
        <v>0.55287802550811871</v>
      </c>
      <c r="AL77" s="106">
        <v>9.145296392218541E-2</v>
      </c>
      <c r="AM77" s="96">
        <v>9.5633268332790761E-2</v>
      </c>
      <c r="AN77" s="106">
        <v>0.19826499121091082</v>
      </c>
      <c r="AO77" s="96">
        <v>0.1202420257062698</v>
      </c>
      <c r="AP77" s="106">
        <v>0.71028204486690394</v>
      </c>
      <c r="AQ77" s="96">
        <v>0.13318037418672934</v>
      </c>
      <c r="AR77" s="95">
        <v>0</v>
      </c>
      <c r="AS77" s="96">
        <v>5.7684887936931072E-2</v>
      </c>
    </row>
    <row r="78" spans="1:45">
      <c r="A78" s="44" t="s">
        <v>355</v>
      </c>
      <c r="B78" s="82">
        <v>56</v>
      </c>
      <c r="C78" s="83">
        <v>5.4465643004707438</v>
      </c>
      <c r="D78" s="84">
        <v>0.41388669969407649</v>
      </c>
      <c r="E78" s="97">
        <v>0.10876087639398803</v>
      </c>
      <c r="F78" s="93">
        <v>8.8189462441588096E-2</v>
      </c>
      <c r="G78" s="97">
        <v>0.12507833430020143</v>
      </c>
      <c r="H78" s="93">
        <v>9.2213944377228338E-2</v>
      </c>
      <c r="I78" s="97">
        <v>0.75119347891035593</v>
      </c>
      <c r="J78" s="93">
        <v>0.11402762483483048</v>
      </c>
      <c r="K78" s="97">
        <v>1.4967310395454438E-2</v>
      </c>
      <c r="L78" s="93">
        <v>5.4811960962673885E-2</v>
      </c>
      <c r="M78" s="82">
        <v>55</v>
      </c>
      <c r="N78" s="83">
        <v>5.4193135174999369</v>
      </c>
      <c r="O78" s="84">
        <v>0.3661288316914908</v>
      </c>
      <c r="P78" s="97">
        <v>0.10407953836776811</v>
      </c>
      <c r="Q78" s="93">
        <v>8.7829240057392274E-2</v>
      </c>
      <c r="R78" s="97">
        <v>0.14696107908942271</v>
      </c>
      <c r="S78" s="93">
        <v>9.8010897113748524E-2</v>
      </c>
      <c r="T78" s="97">
        <v>0.74895938254280892</v>
      </c>
      <c r="U78" s="93">
        <v>0.11531490014955244</v>
      </c>
      <c r="V78" s="97">
        <v>0</v>
      </c>
      <c r="W78" s="93">
        <v>4.7119904748779487E-2</v>
      </c>
      <c r="X78" s="82">
        <v>56</v>
      </c>
      <c r="Y78" s="83">
        <v>4.4805684885409667</v>
      </c>
      <c r="Z78" s="84">
        <v>0.40329607398726502</v>
      </c>
      <c r="AA78" s="97">
        <v>0.21204979245927888</v>
      </c>
      <c r="AB78" s="93">
        <v>0.10886430137396788</v>
      </c>
      <c r="AC78" s="97">
        <v>0.15999415529538519</v>
      </c>
      <c r="AD78" s="93">
        <v>9.9765088543888519E-2</v>
      </c>
      <c r="AE78" s="97">
        <v>0.61298874184988117</v>
      </c>
      <c r="AF78" s="93">
        <v>0.12619535081672259</v>
      </c>
      <c r="AG78" s="97">
        <v>1.4967310395454438E-2</v>
      </c>
      <c r="AH78" s="93">
        <v>5.4811960962673885E-2</v>
      </c>
      <c r="AI78" s="82">
        <v>56</v>
      </c>
      <c r="AJ78" s="83">
        <v>5.082933609368852</v>
      </c>
      <c r="AK78" s="84">
        <v>0.42461479869727486</v>
      </c>
      <c r="AL78" s="97">
        <v>0.1303809530216819</v>
      </c>
      <c r="AM78" s="93">
        <v>9.344885704744578E-2</v>
      </c>
      <c r="AN78" s="97">
        <v>0.1271856965233418</v>
      </c>
      <c r="AO78" s="93">
        <v>9.2708801043154765E-2</v>
      </c>
      <c r="AP78" s="97">
        <v>0.74243335045497605</v>
      </c>
      <c r="AQ78" s="93">
        <v>0.11512352121231288</v>
      </c>
      <c r="AR78" s="97">
        <v>0</v>
      </c>
      <c r="AS78" s="93">
        <v>4.6348119143587135E-2</v>
      </c>
    </row>
    <row r="79" spans="1:45">
      <c r="A79" s="48" t="s">
        <v>356</v>
      </c>
      <c r="B79" s="103">
        <v>38</v>
      </c>
      <c r="C79" s="104">
        <v>4.7350483471636835</v>
      </c>
      <c r="D79" s="105">
        <v>0.472804905379135</v>
      </c>
      <c r="E79" s="106">
        <v>0.13568328267524807</v>
      </c>
      <c r="F79" s="96">
        <v>0.11602574838452137</v>
      </c>
      <c r="G79" s="106">
        <v>0.36044781815157173</v>
      </c>
      <c r="H79" s="96">
        <v>0.14930251621565624</v>
      </c>
      <c r="I79" s="106">
        <v>0.50386889917318001</v>
      </c>
      <c r="J79" s="96">
        <v>0.15429956854913479</v>
      </c>
      <c r="K79" s="95">
        <v>0</v>
      </c>
      <c r="L79" s="96">
        <v>6.5720529461176583E-2</v>
      </c>
      <c r="M79" s="103">
        <v>37</v>
      </c>
      <c r="N79" s="104">
        <v>4.9024445930317251</v>
      </c>
      <c r="O79" s="105">
        <v>0.48207166108344618</v>
      </c>
      <c r="P79" s="106">
        <v>0.13366107938003149</v>
      </c>
      <c r="Q79" s="96">
        <v>0.1171634699552828</v>
      </c>
      <c r="R79" s="106">
        <v>0.31731533372164816</v>
      </c>
      <c r="S79" s="96">
        <v>0.14744013952940452</v>
      </c>
      <c r="T79" s="106">
        <v>0.5285352642672928</v>
      </c>
      <c r="U79" s="96">
        <v>0.1559664969314169</v>
      </c>
      <c r="V79" s="95">
        <v>2.0488322631027241E-2</v>
      </c>
      <c r="W79" s="96">
        <v>7.8239596711969589E-2</v>
      </c>
      <c r="X79" s="103">
        <v>38</v>
      </c>
      <c r="Y79" s="104">
        <v>5.1629077257838984</v>
      </c>
      <c r="Z79" s="105">
        <v>0.39719918708533164</v>
      </c>
      <c r="AA79" s="106">
        <v>4.9229888697255475E-2</v>
      </c>
      <c r="AB79" s="96">
        <v>8.9265169807449946E-2</v>
      </c>
      <c r="AC79" s="106">
        <v>0.29536119430655722</v>
      </c>
      <c r="AD79" s="96">
        <v>0.14333434151322341</v>
      </c>
      <c r="AE79" s="106">
        <v>0.62768736388659752</v>
      </c>
      <c r="AF79" s="96">
        <v>0.15012806921229074</v>
      </c>
      <c r="AG79" s="95">
        <v>2.772155310958958E-2</v>
      </c>
      <c r="AH79" s="96">
        <v>8.0127931622564694E-2</v>
      </c>
      <c r="AI79" s="103">
        <v>37</v>
      </c>
      <c r="AJ79" s="104">
        <v>4.6994247766152979</v>
      </c>
      <c r="AK79" s="105">
        <v>0.40650980701105988</v>
      </c>
      <c r="AL79" s="106">
        <v>0.119661130541469</v>
      </c>
      <c r="AM79" s="96">
        <v>0.11356371629896218</v>
      </c>
      <c r="AN79" s="106">
        <v>0.36004468441050785</v>
      </c>
      <c r="AO79" s="96">
        <v>0.15110907784517894</v>
      </c>
      <c r="AP79" s="106">
        <v>0.52029418504802305</v>
      </c>
      <c r="AQ79" s="96">
        <v>0.15606896152843738</v>
      </c>
      <c r="AR79" s="95">
        <v>0</v>
      </c>
      <c r="AS79" s="96">
        <v>6.7282405785121679E-2</v>
      </c>
    </row>
    <row r="80" spans="1:45">
      <c r="A80" s="56" t="s">
        <v>357</v>
      </c>
      <c r="B80" s="99">
        <v>37</v>
      </c>
      <c r="C80" s="100">
        <v>5.2984550439694429</v>
      </c>
      <c r="D80" s="101">
        <v>0.42175565745031585</v>
      </c>
      <c r="E80" s="102">
        <v>6.8585050094687683E-2</v>
      </c>
      <c r="F80" s="93">
        <v>9.7992289309088057E-2</v>
      </c>
      <c r="G80" s="102">
        <v>0.16299149985416292</v>
      </c>
      <c r="H80" s="93">
        <v>0.12396111623693895</v>
      </c>
      <c r="I80" s="102">
        <v>0.76842345005114954</v>
      </c>
      <c r="J80" s="93">
        <v>0.1366218990939751</v>
      </c>
      <c r="K80" s="92">
        <v>0</v>
      </c>
      <c r="L80" s="93">
        <v>6.7282405785121679E-2</v>
      </c>
      <c r="M80" s="99">
        <v>37</v>
      </c>
      <c r="N80" s="100">
        <v>5.561078041157737</v>
      </c>
      <c r="O80" s="101">
        <v>0.37623658085782458</v>
      </c>
      <c r="P80" s="102">
        <v>1.5876980045005148E-2</v>
      </c>
      <c r="Q80" s="93">
        <v>7.5949798662788628E-2</v>
      </c>
      <c r="R80" s="102">
        <v>0.199245207809257</v>
      </c>
      <c r="S80" s="93">
        <v>0.13116180986062903</v>
      </c>
      <c r="T80" s="102">
        <v>0.78487781214573782</v>
      </c>
      <c r="U80" s="93">
        <v>0.13394843470892476</v>
      </c>
      <c r="V80" s="92">
        <v>0</v>
      </c>
      <c r="W80" s="93">
        <v>6.7282405785121679E-2</v>
      </c>
      <c r="X80" s="99">
        <v>37</v>
      </c>
      <c r="Y80" s="100">
        <v>4.7034024967398818</v>
      </c>
      <c r="Z80" s="101">
        <v>0.45225670289615794</v>
      </c>
      <c r="AA80" s="102">
        <v>0.1232999842106684</v>
      </c>
      <c r="AB80" s="93">
        <v>0.11452332469086515</v>
      </c>
      <c r="AC80" s="102">
        <v>0.28546741018133398</v>
      </c>
      <c r="AD80" s="93">
        <v>0.14399120589966447</v>
      </c>
      <c r="AE80" s="102">
        <v>0.59123260560799773</v>
      </c>
      <c r="AF80" s="93">
        <v>0.15404195318208957</v>
      </c>
      <c r="AG80" s="92">
        <v>0</v>
      </c>
      <c r="AH80" s="93">
        <v>6.7282405785121679E-2</v>
      </c>
      <c r="AI80" s="99">
        <v>37</v>
      </c>
      <c r="AJ80" s="100">
        <v>5.5355305287713712</v>
      </c>
      <c r="AK80" s="101">
        <v>0.3448898105393175</v>
      </c>
      <c r="AL80" s="102">
        <v>1.5876980045005148E-2</v>
      </c>
      <c r="AM80" s="93">
        <v>7.5949798662788628E-2</v>
      </c>
      <c r="AN80" s="102">
        <v>0.20251423601650781</v>
      </c>
      <c r="AO80" s="93">
        <v>0.13175281552481591</v>
      </c>
      <c r="AP80" s="102">
        <v>0.78160878393848732</v>
      </c>
      <c r="AQ80" s="93">
        <v>0.13449654113687376</v>
      </c>
      <c r="AR80" s="92">
        <v>0</v>
      </c>
      <c r="AS80" s="93">
        <v>6.7282405785121679E-2</v>
      </c>
    </row>
    <row r="81" spans="1:45">
      <c r="A81" s="48" t="s">
        <v>358</v>
      </c>
      <c r="B81" s="103">
        <v>71</v>
      </c>
      <c r="C81" s="104">
        <v>4.8070131875005915</v>
      </c>
      <c r="D81" s="105">
        <v>0.3631249236074654</v>
      </c>
      <c r="E81" s="106">
        <v>0.18609112120236809</v>
      </c>
      <c r="F81" s="96">
        <v>9.2863119729771834E-2</v>
      </c>
      <c r="G81" s="106">
        <v>0.15374882041679275</v>
      </c>
      <c r="H81" s="96">
        <v>8.7195521088225217E-2</v>
      </c>
      <c r="I81" s="106">
        <v>0.64420461081317715</v>
      </c>
      <c r="J81" s="96">
        <v>0.11108291442432859</v>
      </c>
      <c r="K81" s="95">
        <v>1.5955447567661568E-2</v>
      </c>
      <c r="L81" s="96">
        <v>4.6203219207343597E-2</v>
      </c>
      <c r="M81" s="103">
        <v>70</v>
      </c>
      <c r="N81" s="104">
        <v>4.9502220082234114</v>
      </c>
      <c r="O81" s="105">
        <v>0.34882527497841687</v>
      </c>
      <c r="P81" s="106">
        <v>9.9261660566128646E-2</v>
      </c>
      <c r="Q81" s="96">
        <v>7.5802294039514356E-2</v>
      </c>
      <c r="R81" s="106">
        <v>0.2830623070108354</v>
      </c>
      <c r="S81" s="96">
        <v>0.10600568815555979</v>
      </c>
      <c r="T81" s="106">
        <v>0.6176760324230357</v>
      </c>
      <c r="U81" s="96">
        <v>0.11333016436362064</v>
      </c>
      <c r="V81" s="95">
        <v>0</v>
      </c>
      <c r="W81" s="96">
        <v>3.7701936889887336E-2</v>
      </c>
      <c r="X81" s="103">
        <v>70</v>
      </c>
      <c r="Y81" s="104">
        <v>4.0603684607464867</v>
      </c>
      <c r="Z81" s="105">
        <v>0.3575952982750199</v>
      </c>
      <c r="AA81" s="106">
        <v>0.35436589982151984</v>
      </c>
      <c r="AB81" s="96">
        <v>0.11174818095932398</v>
      </c>
      <c r="AC81" s="106">
        <v>0.14080081163886524</v>
      </c>
      <c r="AD81" s="96">
        <v>8.5280935427338361E-2</v>
      </c>
      <c r="AE81" s="106">
        <v>0.46405575763470841</v>
      </c>
      <c r="AF81" s="96">
        <v>0.11597854202622555</v>
      </c>
      <c r="AG81" s="95">
        <v>4.0777530904906011E-2</v>
      </c>
      <c r="AH81" s="96">
        <v>5.7561698466855403E-2</v>
      </c>
      <c r="AI81" s="103">
        <v>70</v>
      </c>
      <c r="AJ81" s="104">
        <v>5.1738993353738207</v>
      </c>
      <c r="AK81" s="105">
        <v>0.32277492004639885</v>
      </c>
      <c r="AL81" s="106">
        <v>9.7216347574653458E-2</v>
      </c>
      <c r="AM81" s="96">
        <v>7.5276136263917159E-2</v>
      </c>
      <c r="AN81" s="106">
        <v>0.14180447322151857</v>
      </c>
      <c r="AO81" s="96">
        <v>8.5484876856222636E-2</v>
      </c>
      <c r="AP81" s="106">
        <v>0.75263498906257598</v>
      </c>
      <c r="AQ81" s="96">
        <v>0.10210990810607773</v>
      </c>
      <c r="AR81" s="95">
        <v>8.3441901412517044E-3</v>
      </c>
      <c r="AS81" s="96">
        <v>4.26809413139045E-2</v>
      </c>
    </row>
    <row r="82" spans="1:45">
      <c r="A82" s="56" t="s">
        <v>359</v>
      </c>
      <c r="B82" s="99">
        <v>89</v>
      </c>
      <c r="C82" s="100">
        <v>5.1652651032735823</v>
      </c>
      <c r="D82" s="101">
        <v>0.27225053682580286</v>
      </c>
      <c r="E82" s="102">
        <v>0.10751740120545582</v>
      </c>
      <c r="F82" s="93">
        <v>6.8446170024931863E-2</v>
      </c>
      <c r="G82" s="102">
        <v>0.23405663276548139</v>
      </c>
      <c r="H82" s="93">
        <v>8.9256723868611859E-2</v>
      </c>
      <c r="I82" s="102">
        <v>0.65093198650194428</v>
      </c>
      <c r="J82" s="93">
        <v>9.9274140512473241E-2</v>
      </c>
      <c r="K82" s="92">
        <v>7.4939795271180866E-3</v>
      </c>
      <c r="L82" s="93">
        <v>3.4612858498405126E-2</v>
      </c>
      <c r="M82" s="99">
        <v>88</v>
      </c>
      <c r="N82" s="100">
        <v>4.9667009723435278</v>
      </c>
      <c r="O82" s="101">
        <v>0.26876196039536904</v>
      </c>
      <c r="P82" s="102">
        <v>9.5127713115526577E-2</v>
      </c>
      <c r="Q82" s="93">
        <v>6.5945501255317021E-2</v>
      </c>
      <c r="R82" s="102">
        <v>0.26852189283238564</v>
      </c>
      <c r="S82" s="93">
        <v>9.3477714324078434E-2</v>
      </c>
      <c r="T82" s="102">
        <v>0.63635039405208726</v>
      </c>
      <c r="U82" s="93">
        <v>0.10064791659544556</v>
      </c>
      <c r="V82" s="92">
        <v>0</v>
      </c>
      <c r="W82" s="93">
        <v>3.0407765486097187E-2</v>
      </c>
      <c r="X82" s="99">
        <v>88</v>
      </c>
      <c r="Y82" s="100">
        <v>4.8456078030347287</v>
      </c>
      <c r="Z82" s="101">
        <v>0.27278363372130987</v>
      </c>
      <c r="AA82" s="102">
        <v>0.15402406159875118</v>
      </c>
      <c r="AB82" s="93">
        <v>7.8153420579422678E-2</v>
      </c>
      <c r="AC82" s="102">
        <v>0.21825786521640456</v>
      </c>
      <c r="AD82" s="93">
        <v>8.7817450225727303E-2</v>
      </c>
      <c r="AE82" s="102">
        <v>0.60809315652691831</v>
      </c>
      <c r="AF82" s="93">
        <v>0.10200379226872652</v>
      </c>
      <c r="AG82" s="92">
        <v>1.9624916657925495E-2</v>
      </c>
      <c r="AH82" s="93">
        <v>4.1109432828841087E-2</v>
      </c>
      <c r="AI82" s="99">
        <v>89</v>
      </c>
      <c r="AJ82" s="100">
        <v>5.2722797532398822</v>
      </c>
      <c r="AK82" s="101">
        <v>0.26381046246509476</v>
      </c>
      <c r="AL82" s="102">
        <v>6.9973497716326966E-2</v>
      </c>
      <c r="AM82" s="93">
        <v>5.8893909015007927E-2</v>
      </c>
      <c r="AN82" s="102">
        <v>0.22038640088098888</v>
      </c>
      <c r="AO82" s="93">
        <v>8.7595621789669606E-2</v>
      </c>
      <c r="AP82" s="102">
        <v>0.70964010140268385</v>
      </c>
      <c r="AQ82" s="93">
        <v>9.4981669387044998E-2</v>
      </c>
      <c r="AR82" s="92">
        <v>0</v>
      </c>
      <c r="AS82" s="93">
        <v>3.0084393934100805E-2</v>
      </c>
    </row>
    <row r="83" spans="1:45">
      <c r="A83" s="48" t="s">
        <v>371</v>
      </c>
      <c r="B83" s="103">
        <v>139</v>
      </c>
      <c r="C83" s="104">
        <v>4.7697206487691197</v>
      </c>
      <c r="D83" s="105">
        <v>0.26062035964042479</v>
      </c>
      <c r="E83" s="106">
        <v>0.18871067710075276</v>
      </c>
      <c r="F83" s="96">
        <v>6.6573304902213359E-2</v>
      </c>
      <c r="G83" s="106">
        <v>0.24314416937338695</v>
      </c>
      <c r="H83" s="96">
        <v>7.2452418091184315E-2</v>
      </c>
      <c r="I83" s="106">
        <v>0.54919571156162927</v>
      </c>
      <c r="J83" s="96">
        <v>8.324087301495392E-2</v>
      </c>
      <c r="K83" s="95">
        <v>1.8949441964231362E-2</v>
      </c>
      <c r="L83" s="96">
        <v>2.9615386085635114E-2</v>
      </c>
      <c r="M83" s="103">
        <v>137</v>
      </c>
      <c r="N83" s="104">
        <v>5.2023609694226849</v>
      </c>
      <c r="O83" s="105">
        <v>0.21454767651476769</v>
      </c>
      <c r="P83" s="106">
        <v>6.7990361048919881E-2</v>
      </c>
      <c r="Q83" s="96">
        <v>4.5758087474031012E-2</v>
      </c>
      <c r="R83" s="106">
        <v>0.20415199411937038</v>
      </c>
      <c r="S83" s="96">
        <v>6.8906254348740578E-2</v>
      </c>
      <c r="T83" s="106">
        <v>0.72273572485298343</v>
      </c>
      <c r="U83" s="96">
        <v>7.5917777543043519E-2</v>
      </c>
      <c r="V83" s="95">
        <v>5.1219199787266422E-3</v>
      </c>
      <c r="W83" s="96">
        <v>2.3090245383091564E-2</v>
      </c>
      <c r="X83" s="103">
        <v>138</v>
      </c>
      <c r="Y83" s="104">
        <v>4.2470297205705254</v>
      </c>
      <c r="Z83" s="105">
        <v>0.26359854853661807</v>
      </c>
      <c r="AA83" s="106">
        <v>0.24400339259185969</v>
      </c>
      <c r="AB83" s="96">
        <v>7.2792548594922721E-2</v>
      </c>
      <c r="AC83" s="106">
        <v>0.26679326759772976</v>
      </c>
      <c r="AD83" s="96">
        <v>7.4802167362808522E-2</v>
      </c>
      <c r="AE83" s="106">
        <v>0.41802115611618729</v>
      </c>
      <c r="AF83" s="96">
        <v>8.2845989458964819E-2</v>
      </c>
      <c r="AG83" s="95">
        <v>7.1182183694223758E-2</v>
      </c>
      <c r="AH83" s="96">
        <v>4.6369329235273107E-2</v>
      </c>
      <c r="AI83" s="103">
        <v>138</v>
      </c>
      <c r="AJ83" s="104">
        <v>5.2216375127516459</v>
      </c>
      <c r="AK83" s="105">
        <v>0.25110786558621045</v>
      </c>
      <c r="AL83" s="106">
        <v>0.10895172361411611</v>
      </c>
      <c r="AM83" s="96">
        <v>5.4533888318368119E-2</v>
      </c>
      <c r="AN83" s="106">
        <v>0.19240421420812964</v>
      </c>
      <c r="AO83" s="96">
        <v>6.7268683047963865E-2</v>
      </c>
      <c r="AP83" s="106">
        <v>0.69864406217775454</v>
      </c>
      <c r="AQ83" s="96">
        <v>7.741097460176774E-2</v>
      </c>
      <c r="AR83" s="95">
        <v>0</v>
      </c>
      <c r="AS83" s="96">
        <v>1.9777732323927027E-2</v>
      </c>
    </row>
    <row r="84" spans="1:45">
      <c r="A84" s="56" t="s">
        <v>360</v>
      </c>
      <c r="B84" s="99">
        <v>76</v>
      </c>
      <c r="C84" s="100">
        <v>4.8138175183699889</v>
      </c>
      <c r="D84" s="101">
        <v>0.33752574507522909</v>
      </c>
      <c r="E84" s="102">
        <v>0.14114420772890687</v>
      </c>
      <c r="F84" s="93">
        <v>8.1785794799286854E-2</v>
      </c>
      <c r="G84" s="102">
        <v>0.30607827595296194</v>
      </c>
      <c r="H84" s="93">
        <v>0.1039377011388838</v>
      </c>
      <c r="I84" s="102">
        <v>0.52655969475018438</v>
      </c>
      <c r="J84" s="93">
        <v>0.11166095127882358</v>
      </c>
      <c r="K84" s="92">
        <v>2.6217821567947063E-2</v>
      </c>
      <c r="L84" s="93">
        <v>4.8690979030340392E-2</v>
      </c>
      <c r="M84" s="99">
        <v>75</v>
      </c>
      <c r="N84" s="100">
        <v>5.1727378873398138</v>
      </c>
      <c r="O84" s="101">
        <v>0.29494610532272669</v>
      </c>
      <c r="P84" s="102">
        <v>7.639838139160178E-2</v>
      </c>
      <c r="Q84" s="93">
        <v>6.6854315220392452E-2</v>
      </c>
      <c r="R84" s="102">
        <v>0.21599872993509239</v>
      </c>
      <c r="S84" s="93">
        <v>9.4749307839846378E-2</v>
      </c>
      <c r="T84" s="102">
        <v>0.70760288867330601</v>
      </c>
      <c r="U84" s="93">
        <v>0.10339918951588263</v>
      </c>
      <c r="V84" s="92">
        <v>0</v>
      </c>
      <c r="W84" s="93">
        <v>3.5346768793784435E-2</v>
      </c>
      <c r="X84" s="99">
        <v>75</v>
      </c>
      <c r="Y84" s="100">
        <v>4.1724019978007272</v>
      </c>
      <c r="Z84" s="101">
        <v>0.33835388828792806</v>
      </c>
      <c r="AA84" s="102">
        <v>0.25461255906461577</v>
      </c>
      <c r="AB84" s="93">
        <v>9.955047120801995E-2</v>
      </c>
      <c r="AC84" s="102">
        <v>0.24530212578505814</v>
      </c>
      <c r="AD84" s="93">
        <v>9.847749843059185E-2</v>
      </c>
      <c r="AE84" s="102">
        <v>0.42144788951281653</v>
      </c>
      <c r="AF84" s="93">
        <v>0.11125033942307416</v>
      </c>
      <c r="AG84" s="92">
        <v>7.863742563751E-2</v>
      </c>
      <c r="AH84" s="93">
        <v>6.7496944460717953E-2</v>
      </c>
      <c r="AI84" s="99">
        <v>75</v>
      </c>
      <c r="AJ84" s="100">
        <v>5.1203573119147467</v>
      </c>
      <c r="AK84" s="101">
        <v>0.33190084122883501</v>
      </c>
      <c r="AL84" s="107">
        <v>9.5771437161585718E-2</v>
      </c>
      <c r="AM84" s="93">
        <v>7.2120598491904456E-2</v>
      </c>
      <c r="AN84" s="102">
        <v>0.22257158211939976</v>
      </c>
      <c r="AO84" s="93">
        <v>9.5633856933841327E-2</v>
      </c>
      <c r="AP84" s="102">
        <v>0.68165698071901493</v>
      </c>
      <c r="AQ84" s="93">
        <v>0.10560442992911352</v>
      </c>
      <c r="AR84" s="92">
        <v>0</v>
      </c>
      <c r="AS84" s="93">
        <v>3.5346768793784435E-2</v>
      </c>
    </row>
    <row r="85" spans="1:45">
      <c r="A85" s="48" t="s">
        <v>370</v>
      </c>
      <c r="B85" s="103">
        <v>228</v>
      </c>
      <c r="C85" s="104">
        <v>4.9408874550968198</v>
      </c>
      <c r="D85" s="105">
        <v>0.20491616570528856</v>
      </c>
      <c r="E85" s="106">
        <v>0.16387555477446791</v>
      </c>
      <c r="F85" s="96">
        <v>4.9284994946306906E-2</v>
      </c>
      <c r="G85" s="106">
        <v>0.18871658220999343</v>
      </c>
      <c r="H85" s="96">
        <v>5.1930842288700117E-2</v>
      </c>
      <c r="I85" s="106">
        <v>0.59468149395237413</v>
      </c>
      <c r="J85" s="96">
        <v>6.4506331348570645E-2</v>
      </c>
      <c r="K85" s="95">
        <v>5.2726369063164122E-2</v>
      </c>
      <c r="L85" s="96">
        <v>3.1289866585231578E-2</v>
      </c>
      <c r="M85" s="103">
        <v>226</v>
      </c>
      <c r="N85" s="104">
        <v>5.0348306019723097</v>
      </c>
      <c r="O85" s="105">
        <v>0.19537331912817699</v>
      </c>
      <c r="P85" s="106">
        <v>0.13937704990241553</v>
      </c>
      <c r="Q85" s="96">
        <v>4.6519784294339721E-2</v>
      </c>
      <c r="R85" s="106">
        <v>0.22848385823928719</v>
      </c>
      <c r="S85" s="96">
        <v>5.5766734126058093E-2</v>
      </c>
      <c r="T85" s="106">
        <v>0.62625712735534611</v>
      </c>
      <c r="U85" s="96">
        <v>6.3876073105135447E-2</v>
      </c>
      <c r="V85" s="95">
        <v>5.8819645029506602E-3</v>
      </c>
      <c r="W85" s="96">
        <v>1.5751210694883142E-2</v>
      </c>
      <c r="X85" s="103">
        <v>226</v>
      </c>
      <c r="Y85" s="104">
        <v>4.4828291620651921</v>
      </c>
      <c r="Z85" s="105">
        <v>0.21435578348595033</v>
      </c>
      <c r="AA85" s="106">
        <v>0.2467686285906979</v>
      </c>
      <c r="AB85" s="96">
        <v>5.7193029539849276E-2</v>
      </c>
      <c r="AC85" s="106">
        <v>0.19628852650547468</v>
      </c>
      <c r="AD85" s="96">
        <v>5.2905134581766274E-2</v>
      </c>
      <c r="AE85" s="106">
        <v>0.48922531586537416</v>
      </c>
      <c r="AF85" s="96">
        <v>6.5923263574000066E-2</v>
      </c>
      <c r="AG85" s="95">
        <v>6.7717529038452767E-2</v>
      </c>
      <c r="AH85" s="96">
        <v>3.4785080970885958E-2</v>
      </c>
      <c r="AI85" s="103">
        <v>227</v>
      </c>
      <c r="AJ85" s="104">
        <v>4.9230387924998</v>
      </c>
      <c r="AK85" s="105">
        <v>0.20198703113984384</v>
      </c>
      <c r="AL85" s="106">
        <v>0.13992018918350271</v>
      </c>
      <c r="AM85" s="96">
        <v>4.6485850338089621E-2</v>
      </c>
      <c r="AN85" s="106">
        <v>0.22696202672590859</v>
      </c>
      <c r="AO85" s="96">
        <v>5.5519540778199566E-2</v>
      </c>
      <c r="AP85" s="106">
        <v>0.62945547688411208</v>
      </c>
      <c r="AQ85" s="96">
        <v>6.3629969671635284E-2</v>
      </c>
      <c r="AR85" s="95">
        <v>3.6623072064763231E-3</v>
      </c>
      <c r="AS85" s="96">
        <v>1.4478924949501905E-2</v>
      </c>
    </row>
    <row r="86" spans="1:45">
      <c r="A86" s="56" t="s">
        <v>361</v>
      </c>
      <c r="B86" s="99">
        <v>94</v>
      </c>
      <c r="C86" s="100">
        <v>4.9720385296959853</v>
      </c>
      <c r="D86" s="101">
        <v>0.3156525857617728</v>
      </c>
      <c r="E86" s="102">
        <v>0.17807581151763116</v>
      </c>
      <c r="F86" s="93">
        <v>7.9450197069673656E-2</v>
      </c>
      <c r="G86" s="102">
        <v>0.1927904974112126</v>
      </c>
      <c r="H86" s="93">
        <v>8.160867080414097E-2</v>
      </c>
      <c r="I86" s="102">
        <v>0.57951104602453052</v>
      </c>
      <c r="J86" s="93">
        <v>9.9833237160879343E-2</v>
      </c>
      <c r="K86" s="92">
        <v>4.9622645046625766E-2</v>
      </c>
      <c r="L86" s="93">
        <v>5.08622230946712E-2</v>
      </c>
      <c r="M86" s="99">
        <v>93</v>
      </c>
      <c r="N86" s="100">
        <v>5.1031026711197969</v>
      </c>
      <c r="O86" s="101">
        <v>0.28657042378933245</v>
      </c>
      <c r="P86" s="102">
        <v>0.16043594280330878</v>
      </c>
      <c r="Q86" s="93">
        <v>7.7061968539083675E-2</v>
      </c>
      <c r="R86" s="102">
        <v>0.22662274106918689</v>
      </c>
      <c r="S86" s="93">
        <v>8.6465894345683747E-2</v>
      </c>
      <c r="T86" s="102">
        <v>0.61294131612750435</v>
      </c>
      <c r="U86" s="93">
        <v>9.9124952458424398E-2</v>
      </c>
      <c r="V86" s="92">
        <v>0</v>
      </c>
      <c r="W86" s="93">
        <v>2.885686812463846E-2</v>
      </c>
      <c r="X86" s="99">
        <v>93</v>
      </c>
      <c r="Y86" s="100">
        <v>4.5747039656809925</v>
      </c>
      <c r="Z86" s="101">
        <v>0.32208154478354345</v>
      </c>
      <c r="AA86" s="102">
        <v>0.21432899481646461</v>
      </c>
      <c r="AB86" s="93">
        <v>8.4946035733372921E-2</v>
      </c>
      <c r="AC86" s="102">
        <v>0.20156157891479967</v>
      </c>
      <c r="AD86" s="93">
        <v>8.3265482883329162E-2</v>
      </c>
      <c r="AE86" s="102">
        <v>0.51639199749904674</v>
      </c>
      <c r="AF86" s="93">
        <v>0.1014844472616781</v>
      </c>
      <c r="AG86" s="92">
        <v>6.7717428769688962E-2</v>
      </c>
      <c r="AH86" s="93">
        <v>5.6796188837861396E-2</v>
      </c>
      <c r="AI86" s="99">
        <v>93</v>
      </c>
      <c r="AJ86" s="100">
        <v>4.8167021619613379</v>
      </c>
      <c r="AK86" s="101">
        <v>0.34400803230235488</v>
      </c>
      <c r="AL86" s="107">
        <v>0.17341157457546569</v>
      </c>
      <c r="AM86" s="93">
        <v>7.9159326768460853E-2</v>
      </c>
      <c r="AN86" s="102">
        <v>0.2639090643008794</v>
      </c>
      <c r="AO86" s="93">
        <v>9.0534110722594402E-2</v>
      </c>
      <c r="AP86" s="102">
        <v>0.5626793611236548</v>
      </c>
      <c r="AQ86" s="93">
        <v>0.10079859138644365</v>
      </c>
      <c r="AR86" s="92">
        <v>0</v>
      </c>
      <c r="AS86" s="93">
        <v>2.885686812463846E-2</v>
      </c>
    </row>
    <row r="87" spans="1:45">
      <c r="A87" s="48" t="s">
        <v>375</v>
      </c>
      <c r="B87" s="103">
        <v>90</v>
      </c>
      <c r="C87" s="104">
        <v>4.9911835444036816</v>
      </c>
      <c r="D87" s="105">
        <v>0.32555705431931642</v>
      </c>
      <c r="E87" s="106">
        <v>0.14163000077697552</v>
      </c>
      <c r="F87" s="96">
        <v>7.5022980905270903E-2</v>
      </c>
      <c r="G87" s="106">
        <v>0.20288781976586925</v>
      </c>
      <c r="H87" s="96">
        <v>8.4822048060988503E-2</v>
      </c>
      <c r="I87" s="106">
        <v>0.57870254704724877</v>
      </c>
      <c r="J87" s="96">
        <v>0.10196408413608114</v>
      </c>
      <c r="K87" s="95">
        <v>7.6779632409906109E-2</v>
      </c>
      <c r="L87" s="96">
        <v>6.0425460810922628E-2</v>
      </c>
      <c r="M87" s="103">
        <v>89</v>
      </c>
      <c r="N87" s="104">
        <v>4.9943417384757716</v>
      </c>
      <c r="O87" s="105">
        <v>0.31990557111069845</v>
      </c>
      <c r="P87" s="106">
        <v>0.13163851881023095</v>
      </c>
      <c r="Q87" s="96">
        <v>7.3537665327704921E-2</v>
      </c>
      <c r="R87" s="106">
        <v>0.22152079276159908</v>
      </c>
      <c r="S87" s="96">
        <v>8.7737853310035266E-2</v>
      </c>
      <c r="T87" s="106">
        <v>0.63317053882244712</v>
      </c>
      <c r="U87" s="96">
        <v>0.10027024546675395</v>
      </c>
      <c r="V87" s="95">
        <v>1.3670149605722437E-2</v>
      </c>
      <c r="W87" s="96">
        <v>3.7897009865547088E-2</v>
      </c>
      <c r="X87" s="103">
        <v>90</v>
      </c>
      <c r="Y87" s="104">
        <v>4.6292288348065833</v>
      </c>
      <c r="Z87" s="105">
        <v>0.35533530176517397</v>
      </c>
      <c r="AA87" s="106">
        <v>0.21233462558956043</v>
      </c>
      <c r="AB87" s="96">
        <v>8.6082953045301489E-2</v>
      </c>
      <c r="AC87" s="106">
        <v>0.21766876676908045</v>
      </c>
      <c r="AD87" s="96">
        <v>8.6769110298161534E-2</v>
      </c>
      <c r="AE87" s="106">
        <v>0.48406237271987101</v>
      </c>
      <c r="AF87" s="96">
        <v>0.10309408010423295</v>
      </c>
      <c r="AG87" s="95">
        <v>8.5934234921487856E-2</v>
      </c>
      <c r="AH87" s="96">
        <v>6.2850925437000535E-2</v>
      </c>
      <c r="AI87" s="103">
        <v>90</v>
      </c>
      <c r="AJ87" s="104">
        <v>4.9449746098560281</v>
      </c>
      <c r="AK87" s="105">
        <v>0.30295910477199223</v>
      </c>
      <c r="AL87" s="106">
        <v>0.12420462356789611</v>
      </c>
      <c r="AM87" s="96">
        <v>7.161986568220155E-2</v>
      </c>
      <c r="AN87" s="106">
        <v>0.22629956385271185</v>
      </c>
      <c r="AO87" s="96">
        <v>8.7841226682521714E-2</v>
      </c>
      <c r="AP87" s="106">
        <v>0.64104971677271561</v>
      </c>
      <c r="AQ87" s="96">
        <v>9.9308705328487873E-2</v>
      </c>
      <c r="AR87" s="95">
        <v>8.4460958066760079E-3</v>
      </c>
      <c r="AS87" s="96">
        <v>3.4825449741409858E-2</v>
      </c>
    </row>
    <row r="88" spans="1:45">
      <c r="A88" s="56" t="s">
        <v>358</v>
      </c>
      <c r="B88" s="99">
        <v>71</v>
      </c>
      <c r="C88" s="100">
        <v>4.8070131875005915</v>
      </c>
      <c r="D88" s="101">
        <v>0.3631249236074654</v>
      </c>
      <c r="E88" s="102">
        <v>0.18609112120236809</v>
      </c>
      <c r="F88" s="93">
        <v>9.2863119729771834E-2</v>
      </c>
      <c r="G88" s="102">
        <v>0.15374882041679275</v>
      </c>
      <c r="H88" s="93">
        <v>8.7195521088225217E-2</v>
      </c>
      <c r="I88" s="102">
        <v>0.64420461081317715</v>
      </c>
      <c r="J88" s="93">
        <v>0.11108291442432859</v>
      </c>
      <c r="K88" s="92">
        <v>1.5955447567661568E-2</v>
      </c>
      <c r="L88" s="93">
        <v>4.6203219207343597E-2</v>
      </c>
      <c r="M88" s="99">
        <v>70</v>
      </c>
      <c r="N88" s="100">
        <v>4.9502220082234114</v>
      </c>
      <c r="O88" s="101">
        <v>0.34882527497841687</v>
      </c>
      <c r="P88" s="102">
        <v>9.9261660566128646E-2</v>
      </c>
      <c r="Q88" s="93">
        <v>7.5802294039514356E-2</v>
      </c>
      <c r="R88" s="102">
        <v>0.2830623070108354</v>
      </c>
      <c r="S88" s="93">
        <v>0.10600568815555979</v>
      </c>
      <c r="T88" s="102">
        <v>0.6176760324230357</v>
      </c>
      <c r="U88" s="93">
        <v>0.11333016436362064</v>
      </c>
      <c r="V88" s="92">
        <v>0</v>
      </c>
      <c r="W88" s="93">
        <v>3.7701936889887336E-2</v>
      </c>
      <c r="X88" s="99">
        <v>70</v>
      </c>
      <c r="Y88" s="100">
        <v>4.0603684607464867</v>
      </c>
      <c r="Z88" s="101">
        <v>0.3575952982750199</v>
      </c>
      <c r="AA88" s="102">
        <v>0.35436589982151984</v>
      </c>
      <c r="AB88" s="93">
        <v>0.11174818095932398</v>
      </c>
      <c r="AC88" s="102">
        <v>0.14080081163886524</v>
      </c>
      <c r="AD88" s="93">
        <v>8.5280935427338361E-2</v>
      </c>
      <c r="AE88" s="102">
        <v>0.46405575763470841</v>
      </c>
      <c r="AF88" s="93">
        <v>0.11597854202622555</v>
      </c>
      <c r="AG88" s="92">
        <v>4.0777530904906011E-2</v>
      </c>
      <c r="AH88" s="93">
        <v>5.7561698466855403E-2</v>
      </c>
      <c r="AI88" s="99">
        <v>70</v>
      </c>
      <c r="AJ88" s="100">
        <v>5.1738993353738207</v>
      </c>
      <c r="AK88" s="101">
        <v>0.32277492004639885</v>
      </c>
      <c r="AL88" s="107">
        <v>9.7216347574653458E-2</v>
      </c>
      <c r="AM88" s="93">
        <v>7.5276136263917159E-2</v>
      </c>
      <c r="AN88" s="102">
        <v>0.14180447322151857</v>
      </c>
      <c r="AO88" s="93">
        <v>8.5484876856222636E-2</v>
      </c>
      <c r="AP88" s="102">
        <v>0.75263498906257598</v>
      </c>
      <c r="AQ88" s="93">
        <v>0.10210990810607773</v>
      </c>
      <c r="AR88" s="92">
        <v>8.3441901412517044E-3</v>
      </c>
      <c r="AS88" s="93">
        <v>4.26809413139045E-2</v>
      </c>
    </row>
    <row r="90" spans="1:45" ht="18.75">
      <c r="A90" s="340" t="s">
        <v>227</v>
      </c>
      <c r="B90" s="340"/>
      <c r="C90" s="340"/>
      <c r="D90" s="340"/>
      <c r="E90" s="340"/>
      <c r="F90" s="340"/>
      <c r="G90" s="340"/>
      <c r="H90" s="340"/>
      <c r="I90" s="340"/>
      <c r="J90" s="340"/>
      <c r="K90" s="340"/>
      <c r="L90" s="340"/>
      <c r="M90" s="340"/>
      <c r="N90" s="340"/>
      <c r="O90" s="340"/>
      <c r="P90" s="340"/>
      <c r="Q90" s="340"/>
      <c r="R90" s="340"/>
      <c r="S90" s="340"/>
      <c r="T90" s="340"/>
      <c r="U90" s="340"/>
      <c r="V90" s="340"/>
      <c r="W90" s="340"/>
      <c r="X90" s="340"/>
      <c r="Y90" s="340"/>
      <c r="Z90" s="340"/>
      <c r="AA90" s="340"/>
      <c r="AB90" s="340"/>
      <c r="AC90" s="340"/>
      <c r="AD90" s="340"/>
      <c r="AE90" s="340"/>
      <c r="AF90" s="340"/>
      <c r="AG90" s="340"/>
      <c r="AH90" s="340"/>
    </row>
    <row r="91" spans="1:45" ht="66" customHeight="1">
      <c r="A91" s="372" t="s">
        <v>547</v>
      </c>
      <c r="B91" s="372"/>
      <c r="C91" s="372"/>
      <c r="D91" s="372"/>
      <c r="E91" s="372"/>
      <c r="F91" s="372"/>
      <c r="G91" s="372"/>
      <c r="H91" s="372"/>
      <c r="I91" s="372"/>
      <c r="J91" s="372"/>
      <c r="K91" s="372"/>
      <c r="L91" s="372"/>
      <c r="M91" s="372"/>
      <c r="N91" s="372"/>
      <c r="O91" s="372"/>
      <c r="P91" s="372"/>
      <c r="Q91" s="372"/>
      <c r="R91" s="372"/>
      <c r="S91" s="372"/>
      <c r="T91" s="372"/>
      <c r="U91" s="372"/>
      <c r="V91" s="372"/>
      <c r="W91" s="372"/>
      <c r="X91" s="372"/>
      <c r="Y91" s="372"/>
      <c r="Z91" s="372"/>
      <c r="AA91" s="372"/>
      <c r="AB91" s="372"/>
      <c r="AC91" s="372"/>
      <c r="AD91" s="372"/>
      <c r="AE91" s="372"/>
      <c r="AF91" s="372"/>
      <c r="AG91" s="372"/>
      <c r="AH91" s="372"/>
    </row>
    <row r="92" spans="1:45" ht="45.75" customHeight="1">
      <c r="A92" s="108"/>
      <c r="B92" s="362" t="s">
        <v>320</v>
      </c>
      <c r="C92" s="363"/>
      <c r="D92" s="363"/>
      <c r="E92" s="363"/>
      <c r="F92" s="363"/>
      <c r="G92" s="363"/>
      <c r="H92" s="363"/>
      <c r="I92" s="363"/>
      <c r="J92" s="363"/>
      <c r="K92" s="363"/>
      <c r="L92" s="364"/>
      <c r="M92" s="366" t="s">
        <v>228</v>
      </c>
      <c r="N92" s="367"/>
      <c r="O92" s="367"/>
      <c r="P92" s="367"/>
      <c r="Q92" s="367"/>
      <c r="R92" s="367"/>
      <c r="S92" s="367"/>
      <c r="T92" s="367"/>
      <c r="U92" s="367"/>
      <c r="V92" s="367"/>
      <c r="W92" s="368"/>
      <c r="X92" s="362" t="s">
        <v>385</v>
      </c>
      <c r="Y92" s="363"/>
      <c r="Z92" s="363"/>
      <c r="AA92" s="363"/>
      <c r="AB92" s="363"/>
      <c r="AC92" s="363"/>
      <c r="AD92" s="363"/>
      <c r="AE92" s="363"/>
      <c r="AF92" s="363"/>
      <c r="AG92" s="363"/>
      <c r="AH92" s="364"/>
    </row>
    <row r="93" spans="1:45" ht="66" customHeight="1">
      <c r="A93" s="36" t="s">
        <v>70</v>
      </c>
      <c r="B93" s="37" t="s">
        <v>71</v>
      </c>
      <c r="C93" s="37" t="s">
        <v>594</v>
      </c>
      <c r="D93" s="257" t="s">
        <v>72</v>
      </c>
      <c r="E93" s="37" t="s">
        <v>156</v>
      </c>
      <c r="F93" s="88" t="s">
        <v>84</v>
      </c>
      <c r="G93" s="37" t="s">
        <v>157</v>
      </c>
      <c r="H93" s="88" t="s">
        <v>85</v>
      </c>
      <c r="I93" s="37" t="s">
        <v>158</v>
      </c>
      <c r="J93" s="88" t="s">
        <v>86</v>
      </c>
      <c r="K93" s="37" t="s">
        <v>301</v>
      </c>
      <c r="L93" s="88" t="s">
        <v>300</v>
      </c>
      <c r="M93" s="64" t="s">
        <v>71</v>
      </c>
      <c r="N93" s="64" t="s">
        <v>594</v>
      </c>
      <c r="O93" s="259" t="s">
        <v>72</v>
      </c>
      <c r="P93" s="64" t="s">
        <v>345</v>
      </c>
      <c r="Q93" s="87" t="s">
        <v>346</v>
      </c>
      <c r="R93" s="64" t="s">
        <v>342</v>
      </c>
      <c r="S93" s="87" t="s">
        <v>344</v>
      </c>
      <c r="T93" s="64" t="s">
        <v>347</v>
      </c>
      <c r="U93" s="87" t="s">
        <v>348</v>
      </c>
      <c r="V93" s="64" t="s">
        <v>301</v>
      </c>
      <c r="W93" s="87" t="s">
        <v>315</v>
      </c>
      <c r="X93" s="37" t="s">
        <v>71</v>
      </c>
      <c r="Y93" s="37" t="s">
        <v>594</v>
      </c>
      <c r="Z93" s="257" t="s">
        <v>72</v>
      </c>
      <c r="AA93" s="37" t="s">
        <v>386</v>
      </c>
      <c r="AB93" s="88" t="s">
        <v>387</v>
      </c>
      <c r="AC93" s="37" t="s">
        <v>388</v>
      </c>
      <c r="AD93" s="88" t="s">
        <v>389</v>
      </c>
      <c r="AE93" s="37" t="s">
        <v>390</v>
      </c>
      <c r="AF93" s="88" t="s">
        <v>391</v>
      </c>
      <c r="AG93" s="37" t="s">
        <v>301</v>
      </c>
      <c r="AH93" s="88" t="s">
        <v>300</v>
      </c>
    </row>
    <row r="94" spans="1:45" ht="99.75" customHeight="1">
      <c r="A94" s="40"/>
      <c r="B94" s="41" t="s">
        <v>73</v>
      </c>
      <c r="C94" s="41" t="s">
        <v>302</v>
      </c>
      <c r="D94" s="258" t="s">
        <v>75</v>
      </c>
      <c r="E94" s="41" t="s">
        <v>159</v>
      </c>
      <c r="F94" s="90" t="s">
        <v>87</v>
      </c>
      <c r="G94" s="41" t="s">
        <v>160</v>
      </c>
      <c r="H94" s="90" t="s">
        <v>87</v>
      </c>
      <c r="I94" s="41" t="s">
        <v>161</v>
      </c>
      <c r="J94" s="90" t="s">
        <v>87</v>
      </c>
      <c r="K94" s="41" t="s">
        <v>301</v>
      </c>
      <c r="L94" s="90" t="s">
        <v>87</v>
      </c>
      <c r="M94" s="67" t="s">
        <v>73</v>
      </c>
      <c r="N94" s="67" t="s">
        <v>303</v>
      </c>
      <c r="O94" s="260" t="s">
        <v>75</v>
      </c>
      <c r="P94" s="67" t="s">
        <v>341</v>
      </c>
      <c r="Q94" s="89" t="s">
        <v>87</v>
      </c>
      <c r="R94" s="67" t="s">
        <v>343</v>
      </c>
      <c r="S94" s="89" t="s">
        <v>87</v>
      </c>
      <c r="T94" s="67" t="s">
        <v>159</v>
      </c>
      <c r="U94" s="89" t="s">
        <v>87</v>
      </c>
      <c r="V94" s="67" t="s">
        <v>301</v>
      </c>
      <c r="W94" s="89" t="s">
        <v>87</v>
      </c>
      <c r="X94" s="41" t="s">
        <v>73</v>
      </c>
      <c r="Y94" s="41" t="s">
        <v>302</v>
      </c>
      <c r="Z94" s="258" t="s">
        <v>75</v>
      </c>
      <c r="AA94" s="41" t="s">
        <v>392</v>
      </c>
      <c r="AB94" s="90" t="s">
        <v>393</v>
      </c>
      <c r="AC94" s="41" t="s">
        <v>394</v>
      </c>
      <c r="AD94" s="90" t="s">
        <v>87</v>
      </c>
      <c r="AE94" s="41" t="s">
        <v>395</v>
      </c>
      <c r="AF94" s="90" t="s">
        <v>87</v>
      </c>
      <c r="AG94" s="41" t="s">
        <v>301</v>
      </c>
      <c r="AH94" s="90" t="s">
        <v>87</v>
      </c>
    </row>
    <row r="95" spans="1:45">
      <c r="A95" s="44" t="s">
        <v>349</v>
      </c>
      <c r="B95" s="111">
        <v>13860</v>
      </c>
      <c r="C95" s="46">
        <v>3.4344054400133501</v>
      </c>
      <c r="D95" s="47">
        <v>3.4901934531529712E-2</v>
      </c>
      <c r="E95" s="112">
        <v>0.52652880844819483</v>
      </c>
      <c r="F95" s="93">
        <v>8.4809386825359465E-3</v>
      </c>
      <c r="G95" s="112">
        <v>0.127734730114479</v>
      </c>
      <c r="H95" s="93">
        <v>5.671791781730307E-3</v>
      </c>
      <c r="I95" s="112">
        <v>0.31602429494402545</v>
      </c>
      <c r="J95" s="93">
        <v>7.8974322931968897E-3</v>
      </c>
      <c r="K95" s="92">
        <v>2.9712166493315654E-2</v>
      </c>
      <c r="L95" s="93">
        <v>2.8904282332363417E-3</v>
      </c>
      <c r="M95" s="111">
        <v>13927</v>
      </c>
      <c r="N95" s="46">
        <v>3.5790312707883745</v>
      </c>
      <c r="O95" s="47">
        <v>3.2156238078187627E-2</v>
      </c>
      <c r="P95" s="112">
        <v>0.14401396537196057</v>
      </c>
      <c r="Q95" s="93">
        <v>5.9511737220716236E-3</v>
      </c>
      <c r="R95" s="112">
        <v>0.33613620538888489</v>
      </c>
      <c r="S95" s="93">
        <v>8.0048093042382421E-3</v>
      </c>
      <c r="T95" s="112">
        <v>0.44604555289978853</v>
      </c>
      <c r="U95" s="93">
        <v>8.4230029339856776E-3</v>
      </c>
      <c r="V95" s="92">
        <v>7.3804276339382899E-2</v>
      </c>
      <c r="W95" s="93">
        <v>4.4336566255393272E-3</v>
      </c>
      <c r="X95" s="111">
        <v>13919</v>
      </c>
      <c r="Y95" s="46">
        <v>2.0177609801573295</v>
      </c>
      <c r="Z95" s="47">
        <v>2.0367340202541478E-2</v>
      </c>
      <c r="AA95" s="112">
        <v>0.68393995197501301</v>
      </c>
      <c r="AB95" s="93">
        <v>7.8809195994037958E-3</v>
      </c>
      <c r="AC95" s="112">
        <v>0.13351294498901081</v>
      </c>
      <c r="AD95" s="93">
        <v>5.7670152588268639E-3</v>
      </c>
      <c r="AE95" s="112">
        <v>0.14884870366073591</v>
      </c>
      <c r="AF95" s="93">
        <v>6.0347721819283343E-3</v>
      </c>
      <c r="AG95" s="92">
        <v>3.3698399375253284E-2</v>
      </c>
      <c r="AH95" s="93">
        <v>3.0644744644798606E-3</v>
      </c>
    </row>
    <row r="96" spans="1:45">
      <c r="A96" s="48" t="s">
        <v>350</v>
      </c>
      <c r="B96" s="113">
        <v>10153</v>
      </c>
      <c r="C96" s="50">
        <v>3.177751594024719</v>
      </c>
      <c r="D96" s="51">
        <v>4.03678665594569E-2</v>
      </c>
      <c r="E96" s="114">
        <v>0.58848719488128598</v>
      </c>
      <c r="F96" s="96">
        <v>9.7659159841971162E-3</v>
      </c>
      <c r="G96" s="114">
        <v>0.11527214411866142</v>
      </c>
      <c r="H96" s="96">
        <v>6.3410670281532685E-3</v>
      </c>
      <c r="I96" s="114">
        <v>0.27010593416162559</v>
      </c>
      <c r="J96" s="96">
        <v>8.8123164628331127E-3</v>
      </c>
      <c r="K96" s="95">
        <v>2.6134726838419383E-2</v>
      </c>
      <c r="L96" s="96">
        <v>3.1769407662610837E-3</v>
      </c>
      <c r="M96" s="113">
        <v>10152</v>
      </c>
      <c r="N96" s="50">
        <v>3.7864873783669335</v>
      </c>
      <c r="O96" s="51">
        <v>3.8269137389477188E-2</v>
      </c>
      <c r="P96" s="114">
        <v>0.19346062009017703</v>
      </c>
      <c r="Q96" s="96">
        <v>7.8411667617184523E-3</v>
      </c>
      <c r="R96" s="114">
        <v>0.3273272481485836</v>
      </c>
      <c r="S96" s="96">
        <v>9.3128970879132536E-3</v>
      </c>
      <c r="T96" s="114">
        <v>0.40498913371523143</v>
      </c>
      <c r="U96" s="96">
        <v>9.7422482007348092E-3</v>
      </c>
      <c r="V96" s="95">
        <v>7.4222998046008404E-2</v>
      </c>
      <c r="W96" s="96">
        <v>5.2076502345800519E-3</v>
      </c>
      <c r="X96" s="113">
        <v>10246</v>
      </c>
      <c r="Y96" s="50">
        <v>1.8433284416922264</v>
      </c>
      <c r="Z96" s="51">
        <v>2.2634443350480385E-2</v>
      </c>
      <c r="AA96" s="114">
        <v>0.74628473448186683</v>
      </c>
      <c r="AB96" s="96">
        <v>8.5970196021115299E-3</v>
      </c>
      <c r="AC96" s="114">
        <v>0.1025123468959812</v>
      </c>
      <c r="AD96" s="96">
        <v>5.9959939751275289E-3</v>
      </c>
      <c r="AE96" s="114">
        <v>0.12194513242785499</v>
      </c>
      <c r="AF96" s="96">
        <v>6.4675112093465943E-3</v>
      </c>
      <c r="AG96" s="95">
        <v>2.9257786194288496E-2</v>
      </c>
      <c r="AH96" s="96">
        <v>3.3393260083266017E-3</v>
      </c>
    </row>
    <row r="97" spans="1:34">
      <c r="A97" s="44" t="s">
        <v>351</v>
      </c>
      <c r="B97" s="82">
        <v>3707</v>
      </c>
      <c r="C97" s="46">
        <v>3.6431446113090811</v>
      </c>
      <c r="D97" s="47">
        <v>6.6689194060784218E-2</v>
      </c>
      <c r="E97" s="97">
        <v>0.47647208735410329</v>
      </c>
      <c r="F97" s="93">
        <v>1.6397370494217311E-2</v>
      </c>
      <c r="G97" s="97">
        <v>0.13780336209825444</v>
      </c>
      <c r="H97" s="93">
        <v>1.1330095210914055E-2</v>
      </c>
      <c r="I97" s="97">
        <v>0.35312213933774822</v>
      </c>
      <c r="J97" s="93">
        <v>1.5692867841079195E-2</v>
      </c>
      <c r="K97" s="92">
        <v>3.2602411209894024E-2</v>
      </c>
      <c r="L97" s="93">
        <v>5.8739280815192666E-3</v>
      </c>
      <c r="M97" s="82">
        <v>3775</v>
      </c>
      <c r="N97" s="46">
        <v>3.4146449559148517</v>
      </c>
      <c r="O97" s="47">
        <v>5.5997310724006197E-2</v>
      </c>
      <c r="P97" s="97">
        <v>0.10480111529791597</v>
      </c>
      <c r="Q97" s="93">
        <v>9.9826946460275529E-3</v>
      </c>
      <c r="R97" s="97">
        <v>0.34312200294264111</v>
      </c>
      <c r="S97" s="93">
        <v>1.5447505329471686E-2</v>
      </c>
      <c r="T97" s="97">
        <v>0.47860466573027421</v>
      </c>
      <c r="U97" s="93">
        <v>1.625228489954917E-2</v>
      </c>
      <c r="V97" s="92">
        <v>7.3472216029168771E-2</v>
      </c>
      <c r="W97" s="93">
        <v>8.5124926347808164E-3</v>
      </c>
      <c r="X97" s="82">
        <v>3673</v>
      </c>
      <c r="Y97" s="46">
        <v>2.163001839596332</v>
      </c>
      <c r="Z97" s="47">
        <v>4.2903441087517251E-2</v>
      </c>
      <c r="AA97" s="97">
        <v>0.63246224877067336</v>
      </c>
      <c r="AB97" s="93">
        <v>1.5903294473592011E-2</v>
      </c>
      <c r="AC97" s="97">
        <v>0.15910994803595579</v>
      </c>
      <c r="AD97" s="93">
        <v>1.2075668547078908E-2</v>
      </c>
      <c r="AE97" s="97">
        <v>0.17106281684510571</v>
      </c>
      <c r="AF97" s="93">
        <v>1.2430305465520444E-2</v>
      </c>
      <c r="AG97" s="92">
        <v>3.7364986348263976E-2</v>
      </c>
      <c r="AH97" s="93">
        <v>6.295614559716012E-3</v>
      </c>
    </row>
    <row r="98" spans="1:34">
      <c r="A98" s="48" t="s">
        <v>558</v>
      </c>
      <c r="B98" s="113">
        <v>333</v>
      </c>
      <c r="C98" s="50">
        <v>3.5825491129518356</v>
      </c>
      <c r="D98" s="51">
        <v>0.22316311046835985</v>
      </c>
      <c r="E98" s="114">
        <v>0.49979348211156938</v>
      </c>
      <c r="F98" s="96">
        <v>5.4473466533385653E-2</v>
      </c>
      <c r="G98" s="114">
        <v>0.12405453039476305</v>
      </c>
      <c r="H98" s="96">
        <v>3.6460657313932533E-2</v>
      </c>
      <c r="I98" s="114">
        <v>0.34963133977275623</v>
      </c>
      <c r="J98" s="96">
        <v>5.201264784219789E-2</v>
      </c>
      <c r="K98" s="95">
        <v>2.6520647720911793E-2</v>
      </c>
      <c r="L98" s="96">
        <v>1.9215338753931579E-2</v>
      </c>
      <c r="M98" s="113">
        <v>339</v>
      </c>
      <c r="N98" s="50">
        <v>3.0581012742027878</v>
      </c>
      <c r="O98" s="51">
        <v>0.17670828379199202</v>
      </c>
      <c r="P98" s="114">
        <v>6.1411373948952484E-2</v>
      </c>
      <c r="Q98" s="96">
        <v>2.6911015613566076E-2</v>
      </c>
      <c r="R98" s="114">
        <v>0.25594336661517653</v>
      </c>
      <c r="S98" s="96">
        <v>4.7296286949638132E-2</v>
      </c>
      <c r="T98" s="114">
        <v>0.58784725344244382</v>
      </c>
      <c r="U98" s="96">
        <v>5.3174645106730478E-2</v>
      </c>
      <c r="V98" s="95">
        <v>9.4798005993427956E-2</v>
      </c>
      <c r="W98" s="96">
        <v>3.2328216162129046E-2</v>
      </c>
      <c r="X98" s="113">
        <v>336</v>
      </c>
      <c r="Y98" s="50">
        <v>2.106221625227922</v>
      </c>
      <c r="Z98" s="51">
        <v>0.14875465276445837</v>
      </c>
      <c r="AA98" s="114">
        <v>0.67596949758568625</v>
      </c>
      <c r="AB98" s="96">
        <v>5.0846833959936596E-2</v>
      </c>
      <c r="AC98" s="114">
        <v>0.12418767952570692</v>
      </c>
      <c r="AD98" s="96">
        <v>3.6310543893974589E-2</v>
      </c>
      <c r="AE98" s="114">
        <v>0.17781220273203499</v>
      </c>
      <c r="AF98" s="96">
        <v>4.1815157097283062E-2</v>
      </c>
      <c r="AG98" s="95">
        <v>2.2030620156572846E-2</v>
      </c>
      <c r="AH98" s="96">
        <v>1.7786001523612999E-2</v>
      </c>
    </row>
    <row r="99" spans="1:34">
      <c r="A99" s="44" t="s">
        <v>559</v>
      </c>
      <c r="B99" s="82">
        <v>3596</v>
      </c>
      <c r="C99" s="46">
        <v>3.4508622910915476</v>
      </c>
      <c r="D99" s="47">
        <v>6.8195364929943172E-2</v>
      </c>
      <c r="E99" s="97">
        <v>0.52388452672831531</v>
      </c>
      <c r="F99" s="93">
        <v>1.6647682400968408E-2</v>
      </c>
      <c r="G99" s="97">
        <v>0.12636266929316425</v>
      </c>
      <c r="H99" s="93">
        <v>1.1090797274291159E-2</v>
      </c>
      <c r="I99" s="97">
        <v>0.32616057832213696</v>
      </c>
      <c r="J99" s="93">
        <v>1.5629280712766789E-2</v>
      </c>
      <c r="K99" s="92">
        <v>2.3592225656397164E-2</v>
      </c>
      <c r="L99" s="93">
        <v>5.1142195671657767E-3</v>
      </c>
      <c r="M99" s="82">
        <v>3606</v>
      </c>
      <c r="N99" s="46">
        <v>3.4839399397033857</v>
      </c>
      <c r="O99" s="47">
        <v>6.3865671657778886E-2</v>
      </c>
      <c r="P99" s="97">
        <v>0.12662324102519917</v>
      </c>
      <c r="Q99" s="93">
        <v>1.1085093531028474E-2</v>
      </c>
      <c r="R99" s="97">
        <v>0.33782931307952729</v>
      </c>
      <c r="S99" s="93">
        <v>1.5745866698819388E-2</v>
      </c>
      <c r="T99" s="97">
        <v>0.47411781228995331</v>
      </c>
      <c r="U99" s="93">
        <v>1.6621302489787021E-2</v>
      </c>
      <c r="V99" s="92">
        <v>6.1429633605336292E-2</v>
      </c>
      <c r="W99" s="93">
        <v>8.0222712563165141E-3</v>
      </c>
      <c r="X99" s="82">
        <v>3615</v>
      </c>
      <c r="Y99" s="46">
        <v>2.0605583730252905</v>
      </c>
      <c r="Z99" s="47">
        <v>3.8987041714671745E-2</v>
      </c>
      <c r="AA99" s="97">
        <v>0.67129298098382495</v>
      </c>
      <c r="AB99" s="93">
        <v>1.561924473664322E-2</v>
      </c>
      <c r="AC99" s="97">
        <v>0.13892189162051274</v>
      </c>
      <c r="AD99" s="93">
        <v>1.1512365702549881E-2</v>
      </c>
      <c r="AE99" s="97">
        <v>0.16080274115905799</v>
      </c>
      <c r="AF99" s="93">
        <v>1.2224274927040186E-2</v>
      </c>
      <c r="AG99" s="92">
        <v>2.8982386236612426E-2</v>
      </c>
      <c r="AH99" s="93">
        <v>5.6255609152608384E-3</v>
      </c>
    </row>
    <row r="100" spans="1:34">
      <c r="A100" s="48" t="s">
        <v>560</v>
      </c>
      <c r="B100" s="113">
        <v>2947</v>
      </c>
      <c r="C100" s="50">
        <v>3.0825134738849678</v>
      </c>
      <c r="D100" s="51">
        <v>7.4150308423905548E-2</v>
      </c>
      <c r="E100" s="114">
        <v>0.60703862460746538</v>
      </c>
      <c r="F100" s="96">
        <v>1.7982776194784961E-2</v>
      </c>
      <c r="G100" s="114">
        <v>0.11629701095858136</v>
      </c>
      <c r="H100" s="96">
        <v>1.1825620643247617E-2</v>
      </c>
      <c r="I100" s="114">
        <v>0.25712498296568154</v>
      </c>
      <c r="J100" s="96">
        <v>1.6097446887333132E-2</v>
      </c>
      <c r="K100" s="95">
        <v>1.9539381468269532E-2</v>
      </c>
      <c r="L100" s="96">
        <v>5.1783469989719142E-3</v>
      </c>
      <c r="M100" s="113">
        <v>2949</v>
      </c>
      <c r="N100" s="50">
        <v>3.5991142465466477</v>
      </c>
      <c r="O100" s="51">
        <v>7.2043485530401158E-2</v>
      </c>
      <c r="P100" s="114">
        <v>0.17306797110844033</v>
      </c>
      <c r="Q100" s="96">
        <v>1.393734780423031E-2</v>
      </c>
      <c r="R100" s="114">
        <v>0.30743960634710304</v>
      </c>
      <c r="S100" s="96">
        <v>1.6986713367094994E-2</v>
      </c>
      <c r="T100" s="114">
        <v>0.44550415395625154</v>
      </c>
      <c r="U100" s="96">
        <v>1.8292807615503476E-2</v>
      </c>
      <c r="V100" s="95">
        <v>7.3988268588200484E-2</v>
      </c>
      <c r="W100" s="96">
        <v>9.6680661477970414E-3</v>
      </c>
      <c r="X100" s="113">
        <v>2978</v>
      </c>
      <c r="Y100" s="50">
        <v>1.7757568392068388</v>
      </c>
      <c r="Z100" s="51">
        <v>4.0572319964091726E-2</v>
      </c>
      <c r="AA100" s="114">
        <v>0.76704322817510051</v>
      </c>
      <c r="AB100" s="96">
        <v>1.5490162578505599E-2</v>
      </c>
      <c r="AC100" s="114">
        <v>9.7723634757537051E-2</v>
      </c>
      <c r="AD100" s="96">
        <v>1.0902136240727027E-2</v>
      </c>
      <c r="AE100" s="114">
        <v>0.10792957620285916</v>
      </c>
      <c r="AF100" s="96">
        <v>1.1388681972839182E-2</v>
      </c>
      <c r="AG100" s="95">
        <v>2.7303560864501367E-2</v>
      </c>
      <c r="AH100" s="96">
        <v>6.035565968851673E-3</v>
      </c>
    </row>
    <row r="101" spans="1:34">
      <c r="A101" s="44" t="s">
        <v>368</v>
      </c>
      <c r="B101" s="82">
        <v>157</v>
      </c>
      <c r="C101" s="46">
        <v>3.5355820327267589</v>
      </c>
      <c r="D101" s="47">
        <v>0.33548893640653599</v>
      </c>
      <c r="E101" s="97">
        <v>0.52124251166552815</v>
      </c>
      <c r="F101" s="93">
        <v>7.8743375821586831E-2</v>
      </c>
      <c r="G101" s="97">
        <v>0.11972727284337106</v>
      </c>
      <c r="H101" s="93">
        <v>5.2865433496842675E-2</v>
      </c>
      <c r="I101" s="97">
        <v>0.35255607210502227</v>
      </c>
      <c r="J101" s="93">
        <v>7.5482234872581336E-2</v>
      </c>
      <c r="K101" s="92">
        <v>6.4741433860786264E-3</v>
      </c>
      <c r="L101" s="93">
        <v>2.1371967807268969E-2</v>
      </c>
      <c r="M101" s="82">
        <v>159</v>
      </c>
      <c r="N101" s="46">
        <v>3.147940023233522</v>
      </c>
      <c r="O101" s="47">
        <v>0.28402129417485367</v>
      </c>
      <c r="P101" s="97">
        <v>0.12810846283539079</v>
      </c>
      <c r="Q101" s="93">
        <v>5.3903182996365782E-2</v>
      </c>
      <c r="R101" s="97">
        <v>0.26660930501567293</v>
      </c>
      <c r="S101" s="93">
        <v>6.9735594341168161E-2</v>
      </c>
      <c r="T101" s="97">
        <v>0.55896877576357606</v>
      </c>
      <c r="U101" s="93">
        <v>7.7805996782901871E-2</v>
      </c>
      <c r="V101" s="92">
        <v>4.6313456385360448E-2</v>
      </c>
      <c r="W101" s="93">
        <v>3.6452078230471655E-2</v>
      </c>
      <c r="X101" s="82">
        <v>159</v>
      </c>
      <c r="Y101" s="46">
        <v>1.8311651462763279</v>
      </c>
      <c r="Z101" s="47">
        <v>0.17164249875125381</v>
      </c>
      <c r="AA101" s="97">
        <v>0.75393156950403051</v>
      </c>
      <c r="AB101" s="93">
        <v>6.8039081259402528E-2</v>
      </c>
      <c r="AC101" s="97">
        <v>0.13886909717460971</v>
      </c>
      <c r="AD101" s="93">
        <v>5.5585383660260231E-2</v>
      </c>
      <c r="AE101" s="97">
        <v>8.3650201924997281E-2</v>
      </c>
      <c r="AF101" s="93">
        <v>4.5686660419396972E-2</v>
      </c>
      <c r="AG101" s="92">
        <v>2.3549131396362628E-2</v>
      </c>
      <c r="AH101" s="93">
        <v>2.8884893913296801E-2</v>
      </c>
    </row>
    <row r="102" spans="1:34">
      <c r="A102" s="48" t="s">
        <v>150</v>
      </c>
      <c r="B102" s="113">
        <v>271</v>
      </c>
      <c r="C102" s="50">
        <v>2.7801201125184547</v>
      </c>
      <c r="D102" s="51">
        <v>0.23951472211185618</v>
      </c>
      <c r="E102" s="114">
        <v>0.6840581006251818</v>
      </c>
      <c r="F102" s="96">
        <v>5.6194593341691489E-2</v>
      </c>
      <c r="G102" s="114">
        <v>9.4217187468408237E-2</v>
      </c>
      <c r="H102" s="96">
        <v>3.6200566959409819E-2</v>
      </c>
      <c r="I102" s="114">
        <v>0.20253766507878701</v>
      </c>
      <c r="J102" s="96">
        <v>4.8851763027023293E-2</v>
      </c>
      <c r="K102" s="95">
        <v>1.9187046827619882E-2</v>
      </c>
      <c r="L102" s="96">
        <v>1.9257210697803919E-2</v>
      </c>
      <c r="M102" s="113">
        <v>269</v>
      </c>
      <c r="N102" s="50">
        <v>4.3842569078704425</v>
      </c>
      <c r="O102" s="51">
        <v>0.24021695756096376</v>
      </c>
      <c r="P102" s="114">
        <v>0.30844778495592512</v>
      </c>
      <c r="Q102" s="96">
        <v>5.6044867238636602E-2</v>
      </c>
      <c r="R102" s="114">
        <v>0.35410385266623146</v>
      </c>
      <c r="S102" s="96">
        <v>5.7967213280725523E-2</v>
      </c>
      <c r="T102" s="114">
        <v>0.27626687850118076</v>
      </c>
      <c r="U102" s="96">
        <v>5.432227823826645E-2</v>
      </c>
      <c r="V102" s="95">
        <v>6.1181483876661939E-2</v>
      </c>
      <c r="W102" s="96">
        <v>3.0391777343165696E-2</v>
      </c>
      <c r="X102" s="113">
        <v>274</v>
      </c>
      <c r="Y102" s="50">
        <v>1.67242388944538</v>
      </c>
      <c r="Z102" s="51">
        <v>0.13230850043904169</v>
      </c>
      <c r="AA102" s="114">
        <v>0.78799855794361651</v>
      </c>
      <c r="AB102" s="96">
        <v>4.9373996710673648E-2</v>
      </c>
      <c r="AC102" s="114">
        <v>0.10351321176261868</v>
      </c>
      <c r="AD102" s="96">
        <v>3.7414549842195041E-2</v>
      </c>
      <c r="AE102" s="114">
        <v>9.2332235211352476E-2</v>
      </c>
      <c r="AF102" s="96">
        <v>3.5695579276663968E-2</v>
      </c>
      <c r="AG102" s="95">
        <v>1.6155995082409346E-2</v>
      </c>
      <c r="AH102" s="96">
        <v>1.8026099226052358E-2</v>
      </c>
    </row>
    <row r="103" spans="1:34">
      <c r="A103" s="44" t="s">
        <v>352</v>
      </c>
      <c r="B103" s="82">
        <v>119</v>
      </c>
      <c r="C103" s="46">
        <v>2.8633377646876568</v>
      </c>
      <c r="D103" s="47">
        <v>0.35401506169854502</v>
      </c>
      <c r="E103" s="97">
        <v>0.6992554605911484</v>
      </c>
      <c r="F103" s="93">
        <v>8.3195834182303086E-2</v>
      </c>
      <c r="G103" s="97">
        <v>4.3737967522635354E-2</v>
      </c>
      <c r="H103" s="93">
        <v>4.2347627520353398E-2</v>
      </c>
      <c r="I103" s="97">
        <v>0.2231718770953644</v>
      </c>
      <c r="J103" s="93">
        <v>7.6140532768040628E-2</v>
      </c>
      <c r="K103" s="92">
        <v>3.3834694790851466E-2</v>
      </c>
      <c r="L103" s="93">
        <v>3.8926270502188859E-2</v>
      </c>
      <c r="M103" s="82">
        <v>119</v>
      </c>
      <c r="N103" s="46">
        <v>4.8790630870803051</v>
      </c>
      <c r="O103" s="47">
        <v>0.32581270807548718</v>
      </c>
      <c r="P103" s="97">
        <v>0.36037925553632655</v>
      </c>
      <c r="Q103" s="93">
        <v>8.6814132977332509E-2</v>
      </c>
      <c r="R103" s="97">
        <v>0.43770164131633021</v>
      </c>
      <c r="S103" s="93">
        <v>8.9509455975844962E-2</v>
      </c>
      <c r="T103" s="97">
        <v>0.16063810206586568</v>
      </c>
      <c r="U103" s="93">
        <v>6.8003397652754857E-2</v>
      </c>
      <c r="V103" s="92">
        <v>4.1281001081476205E-2</v>
      </c>
      <c r="W103" s="93">
        <v>4.1531807424411024E-2</v>
      </c>
      <c r="X103" s="82">
        <v>122</v>
      </c>
      <c r="Y103" s="46">
        <v>1.6550430388181376</v>
      </c>
      <c r="Z103" s="47">
        <v>0.19441704936449547</v>
      </c>
      <c r="AA103" s="97">
        <v>0.78696352648186507</v>
      </c>
      <c r="AB103" s="93">
        <v>7.4065049021494994E-2</v>
      </c>
      <c r="AC103" s="97">
        <v>8.8167566274418283E-2</v>
      </c>
      <c r="AD103" s="93">
        <v>5.3745947896511312E-2</v>
      </c>
      <c r="AE103" s="97">
        <v>8.562260407759105E-2</v>
      </c>
      <c r="AF103" s="93">
        <v>5.3160571075183377E-2</v>
      </c>
      <c r="AG103" s="92">
        <v>3.9246303166125485E-2</v>
      </c>
      <c r="AH103" s="93">
        <v>4.0225973179312979E-2</v>
      </c>
    </row>
    <row r="104" spans="1:34">
      <c r="A104" s="48" t="s">
        <v>353</v>
      </c>
      <c r="B104" s="113">
        <v>117</v>
      </c>
      <c r="C104" s="50">
        <v>3.0114858154967283</v>
      </c>
      <c r="D104" s="51">
        <v>0.38922854422968106</v>
      </c>
      <c r="E104" s="114">
        <v>0.62301473127459805</v>
      </c>
      <c r="F104" s="96">
        <v>8.8299142701575101E-2</v>
      </c>
      <c r="G104" s="114">
        <v>0.13809118208015872</v>
      </c>
      <c r="H104" s="96">
        <v>6.4931896661953564E-2</v>
      </c>
      <c r="I104" s="114">
        <v>0.23889408664524239</v>
      </c>
      <c r="J104" s="96">
        <v>7.846812719665873E-2</v>
      </c>
      <c r="K104" s="95">
        <v>0</v>
      </c>
      <c r="L104" s="96">
        <v>2.3181440451602572E-2</v>
      </c>
      <c r="M104" s="113">
        <v>115</v>
      </c>
      <c r="N104" s="50">
        <v>4.672834507497611</v>
      </c>
      <c r="O104" s="51">
        <v>0.35088202758992476</v>
      </c>
      <c r="P104" s="114">
        <v>0.36689464841078201</v>
      </c>
      <c r="Q104" s="96">
        <v>8.8584386714452734E-2</v>
      </c>
      <c r="R104" s="114">
        <v>0.30982661640235643</v>
      </c>
      <c r="S104" s="96">
        <v>8.5252870266418687E-2</v>
      </c>
      <c r="T104" s="114">
        <v>0.26115749872797289</v>
      </c>
      <c r="U104" s="96">
        <v>8.1317887151974688E-2</v>
      </c>
      <c r="V104" s="95">
        <v>6.2121236458886939E-2</v>
      </c>
      <c r="W104" s="96">
        <v>4.8830176561881385E-2</v>
      </c>
      <c r="X104" s="113">
        <v>117</v>
      </c>
      <c r="Y104" s="50">
        <v>1.7152292116426788</v>
      </c>
      <c r="Z104" s="51">
        <v>0.20429650628207199</v>
      </c>
      <c r="AA104" s="114">
        <v>0.7617468911526285</v>
      </c>
      <c r="AB104" s="96">
        <v>7.8402094729886074E-2</v>
      </c>
      <c r="AC104" s="114">
        <v>0.14626248655548754</v>
      </c>
      <c r="AD104" s="96">
        <v>6.6309093284106863E-2</v>
      </c>
      <c r="AE104" s="114">
        <v>9.1990622291883248E-2</v>
      </c>
      <c r="AF104" s="96">
        <v>5.5848914882884224E-2</v>
      </c>
      <c r="AG104" s="95">
        <v>0</v>
      </c>
      <c r="AH104" s="96">
        <v>2.3181440451602572E-2</v>
      </c>
    </row>
    <row r="105" spans="1:34">
      <c r="A105" s="44" t="s">
        <v>369</v>
      </c>
      <c r="B105" s="111">
        <v>423</v>
      </c>
      <c r="C105" s="46">
        <v>3.0564808039294014</v>
      </c>
      <c r="D105" s="47">
        <v>0.18995038210467946</v>
      </c>
      <c r="E105" s="112">
        <v>0.61291566146133469</v>
      </c>
      <c r="F105" s="93">
        <v>4.7166833246744803E-2</v>
      </c>
      <c r="G105" s="112">
        <v>0.1376359373487154</v>
      </c>
      <c r="H105" s="93">
        <v>3.3686926292955645E-2</v>
      </c>
      <c r="I105" s="112">
        <v>0.23189536925558196</v>
      </c>
      <c r="J105" s="93">
        <v>4.1001547795303808E-2</v>
      </c>
      <c r="K105" s="92">
        <v>1.755303193436784E-2</v>
      </c>
      <c r="L105" s="93">
        <v>1.4219835998349138E-2</v>
      </c>
      <c r="M105" s="111">
        <v>422</v>
      </c>
      <c r="N105" s="46">
        <v>4.2863049306805188</v>
      </c>
      <c r="O105" s="47">
        <v>0.17529058811393702</v>
      </c>
      <c r="P105" s="112">
        <v>0.24023976330879587</v>
      </c>
      <c r="Q105" s="93">
        <v>4.1541405748531317E-2</v>
      </c>
      <c r="R105" s="112">
        <v>0.39021372532988563</v>
      </c>
      <c r="S105" s="93">
        <v>4.7290160083391812E-2</v>
      </c>
      <c r="T105" s="112">
        <v>0.28629622180134345</v>
      </c>
      <c r="U105" s="93">
        <v>4.3893202467520931E-2</v>
      </c>
      <c r="V105" s="92">
        <v>8.3250289559975099E-2</v>
      </c>
      <c r="W105" s="93">
        <v>2.7333098894546468E-2</v>
      </c>
      <c r="X105" s="111">
        <v>428</v>
      </c>
      <c r="Y105" s="46">
        <v>1.6369678719584813</v>
      </c>
      <c r="Z105" s="47">
        <v>0.10165290007929913</v>
      </c>
      <c r="AA105" s="112">
        <v>0.81102039242633384</v>
      </c>
      <c r="AB105" s="93">
        <v>3.7889872910227475E-2</v>
      </c>
      <c r="AC105" s="112">
        <v>6.2260653303474953E-2</v>
      </c>
      <c r="AD105" s="93">
        <v>2.3943659939809552E-2</v>
      </c>
      <c r="AE105" s="112">
        <v>9.7070659622081459E-2</v>
      </c>
      <c r="AF105" s="93">
        <v>2.8970059112347665E-2</v>
      </c>
      <c r="AG105" s="92">
        <v>2.9648294648109398E-2</v>
      </c>
      <c r="AH105" s="93">
        <v>1.7439623788975719E-2</v>
      </c>
    </row>
    <row r="106" spans="1:34">
      <c r="A106" s="48" t="s">
        <v>354</v>
      </c>
      <c r="B106" s="113">
        <v>71</v>
      </c>
      <c r="C106" s="50">
        <v>3.3519930288022084</v>
      </c>
      <c r="D106" s="51">
        <v>0.4779063281683254</v>
      </c>
      <c r="E106" s="114">
        <v>0.59870393502584751</v>
      </c>
      <c r="F106" s="96">
        <v>0.11343580099479103</v>
      </c>
      <c r="G106" s="114">
        <v>5.495065906017025E-2</v>
      </c>
      <c r="H106" s="96">
        <v>6.2180399538930536E-2</v>
      </c>
      <c r="I106" s="114">
        <v>0.32592198992358618</v>
      </c>
      <c r="J106" s="96">
        <v>0.10901816048203242</v>
      </c>
      <c r="K106" s="95">
        <v>2.0423415990396831E-2</v>
      </c>
      <c r="L106" s="96">
        <v>4.8378924939719674E-2</v>
      </c>
      <c r="M106" s="113">
        <v>70</v>
      </c>
      <c r="N106" s="50">
        <v>5.4821874664211112</v>
      </c>
      <c r="O106" s="51">
        <v>0.39782858373368307</v>
      </c>
      <c r="P106" s="114">
        <v>0.49481132759078583</v>
      </c>
      <c r="Q106" s="96">
        <v>0.11624203769003269</v>
      </c>
      <c r="R106" s="114">
        <v>0.25942436416903131</v>
      </c>
      <c r="S106" s="96">
        <v>0.10350902580059364</v>
      </c>
      <c r="T106" s="114">
        <v>0.13180332564268787</v>
      </c>
      <c r="U106" s="96">
        <v>8.3404317759533109E-2</v>
      </c>
      <c r="V106" s="95">
        <v>0.11396098259749557</v>
      </c>
      <c r="W106" s="96">
        <v>7.940637140144681E-2</v>
      </c>
      <c r="X106" s="113">
        <v>71</v>
      </c>
      <c r="Y106" s="50">
        <v>1.7509564185342568</v>
      </c>
      <c r="Z106" s="51">
        <v>0.2806324933258012</v>
      </c>
      <c r="AA106" s="114">
        <v>0.75393308813631488</v>
      </c>
      <c r="AB106" s="96">
        <v>0.10124890851324862</v>
      </c>
      <c r="AC106" s="114">
        <v>0.10093607998868925</v>
      </c>
      <c r="AD106" s="96">
        <v>7.5641923314472267E-2</v>
      </c>
      <c r="AE106" s="114">
        <v>0.14513083187499601</v>
      </c>
      <c r="AF106" s="96">
        <v>8.5523463208700454E-2</v>
      </c>
      <c r="AG106" s="95">
        <v>0</v>
      </c>
      <c r="AH106" s="96">
        <v>3.7206132509255738E-2</v>
      </c>
    </row>
    <row r="107" spans="1:34">
      <c r="A107" s="44" t="s">
        <v>355</v>
      </c>
      <c r="B107" s="82">
        <v>76</v>
      </c>
      <c r="C107" s="46">
        <v>2.6904079393285922</v>
      </c>
      <c r="D107" s="47">
        <v>0.43765294407722144</v>
      </c>
      <c r="E107" s="97">
        <v>0.71318766988169902</v>
      </c>
      <c r="F107" s="93">
        <v>0.10222091107324778</v>
      </c>
      <c r="G107" s="97">
        <v>7.8533251253633377E-2</v>
      </c>
      <c r="H107" s="93">
        <v>6.6964586230448431E-2</v>
      </c>
      <c r="I107" s="97">
        <v>0.18876334494016558</v>
      </c>
      <c r="J107" s="93">
        <v>9.015996879264572E-2</v>
      </c>
      <c r="K107" s="97">
        <v>1.9515733924502E-2</v>
      </c>
      <c r="L107" s="93">
        <v>4.563125037933749E-2</v>
      </c>
      <c r="M107" s="82">
        <v>75</v>
      </c>
      <c r="N107" s="46">
        <v>4.7346939299231954</v>
      </c>
      <c r="O107" s="47">
        <v>0.39178254838288967</v>
      </c>
      <c r="P107" s="97">
        <v>0.34382177842132711</v>
      </c>
      <c r="Q107" s="93">
        <v>0.10744816110044138</v>
      </c>
      <c r="R107" s="97">
        <v>0.34854975440873248</v>
      </c>
      <c r="S107" s="93">
        <v>0.10775658724028725</v>
      </c>
      <c r="T107" s="97">
        <v>0.24616707374975641</v>
      </c>
      <c r="U107" s="93">
        <v>9.8579361540071422E-2</v>
      </c>
      <c r="V107" s="97">
        <v>6.1461393420184252E-2</v>
      </c>
      <c r="W107" s="93">
        <v>6.2304235336328048E-2</v>
      </c>
      <c r="X107" s="82">
        <v>76</v>
      </c>
      <c r="Y107" s="46">
        <v>1.6219355341926698</v>
      </c>
      <c r="Z107" s="47">
        <v>0.2230720494794928</v>
      </c>
      <c r="AA107" s="97">
        <v>0.78087634930730132</v>
      </c>
      <c r="AB107" s="93">
        <v>9.4551678977906589E-2</v>
      </c>
      <c r="AC107" s="97">
        <v>6.8428187066423271E-2</v>
      </c>
      <c r="AD107" s="93">
        <v>6.39943582196143E-2</v>
      </c>
      <c r="AE107" s="97">
        <v>0.12055060498169803</v>
      </c>
      <c r="AF107" s="93">
        <v>7.7477863402965239E-2</v>
      </c>
      <c r="AG107" s="97">
        <v>3.0144858644577305E-2</v>
      </c>
      <c r="AH107" s="93">
        <v>5.0378875480226272E-2</v>
      </c>
    </row>
    <row r="108" spans="1:34">
      <c r="A108" s="48" t="s">
        <v>356</v>
      </c>
      <c r="B108" s="113">
        <v>67</v>
      </c>
      <c r="C108" s="50">
        <v>3.1893308561649083</v>
      </c>
      <c r="D108" s="51">
        <v>0.57083628053199076</v>
      </c>
      <c r="E108" s="114">
        <v>0.51513279428793379</v>
      </c>
      <c r="F108" s="96">
        <v>0.11862975297751251</v>
      </c>
      <c r="G108" s="114">
        <v>0.21465735213268047</v>
      </c>
      <c r="H108" s="96">
        <v>9.9998670307518245E-2</v>
      </c>
      <c r="I108" s="114">
        <v>0.23706853559977634</v>
      </c>
      <c r="J108" s="96">
        <v>0.10303486285313515</v>
      </c>
      <c r="K108" s="95">
        <v>3.3141317979609224E-2</v>
      </c>
      <c r="L108" s="96">
        <v>5.6123465345471205E-2</v>
      </c>
      <c r="M108" s="113">
        <v>66</v>
      </c>
      <c r="N108" s="50">
        <v>3.9386486705672117</v>
      </c>
      <c r="O108" s="51">
        <v>0.46063969511285047</v>
      </c>
      <c r="P108" s="114">
        <v>0.17880706092609647</v>
      </c>
      <c r="Q108" s="96">
        <v>9.5105507021439092E-2</v>
      </c>
      <c r="R108" s="114">
        <v>0.41756055273035664</v>
      </c>
      <c r="S108" s="96">
        <v>0.11806977631089882</v>
      </c>
      <c r="T108" s="114">
        <v>0.33421376242192197</v>
      </c>
      <c r="U108" s="96">
        <v>0.11353195342506325</v>
      </c>
      <c r="V108" s="95">
        <v>6.9418623921624747E-2</v>
      </c>
      <c r="W108" s="96">
        <v>6.976814579436566E-2</v>
      </c>
      <c r="X108" s="113">
        <v>67</v>
      </c>
      <c r="Y108" s="50">
        <v>1.6908034503846441</v>
      </c>
      <c r="Z108" s="51">
        <v>0.27595646636048382</v>
      </c>
      <c r="AA108" s="114">
        <v>0.74266947380192727</v>
      </c>
      <c r="AB108" s="96">
        <v>0.10549946585395896</v>
      </c>
      <c r="AC108" s="114">
        <v>0.10448566900120448</v>
      </c>
      <c r="AD108" s="96">
        <v>7.8971557896212005E-2</v>
      </c>
      <c r="AE108" s="114">
        <v>9.166961252010751E-2</v>
      </c>
      <c r="AF108" s="96">
        <v>7.5628440394581498E-2</v>
      </c>
      <c r="AG108" s="95">
        <v>6.1175244676760457E-2</v>
      </c>
      <c r="AH108" s="96">
        <v>6.6510335904104614E-2</v>
      </c>
    </row>
    <row r="109" spans="1:34">
      <c r="A109" s="56" t="s">
        <v>357</v>
      </c>
      <c r="B109" s="111">
        <v>53</v>
      </c>
      <c r="C109" s="46">
        <v>2.7694779872644735</v>
      </c>
      <c r="D109" s="47">
        <v>0.45292451847688958</v>
      </c>
      <c r="E109" s="112">
        <v>0.6755472769054065</v>
      </c>
      <c r="F109" s="93">
        <v>0.12519642520503543</v>
      </c>
      <c r="G109" s="112">
        <v>0.18702856210515034</v>
      </c>
      <c r="H109" s="93">
        <v>0.1077078685435587</v>
      </c>
      <c r="I109" s="112">
        <v>0.13742416098944304</v>
      </c>
      <c r="J109" s="93">
        <v>9.7815461121765604E-2</v>
      </c>
      <c r="K109" s="92">
        <v>0</v>
      </c>
      <c r="L109" s="93">
        <v>4.8743201957104715E-2</v>
      </c>
      <c r="M109" s="111">
        <v>54</v>
      </c>
      <c r="N109" s="46">
        <v>4.8888168369576954</v>
      </c>
      <c r="O109" s="47">
        <v>0.44956493300617922</v>
      </c>
      <c r="P109" s="112">
        <v>0.38674158229937938</v>
      </c>
      <c r="Q109" s="93">
        <v>0.12835318363360634</v>
      </c>
      <c r="R109" s="112">
        <v>0.38681797720438915</v>
      </c>
      <c r="S109" s="93">
        <v>0.1283572120880839</v>
      </c>
      <c r="T109" s="112">
        <v>0.16250439004211845</v>
      </c>
      <c r="U109" s="93">
        <v>0.102137756796375</v>
      </c>
      <c r="V109" s="92">
        <v>6.3936050454113089E-2</v>
      </c>
      <c r="W109" s="93">
        <v>7.6641419455600421E-2</v>
      </c>
      <c r="X109" s="111">
        <v>54</v>
      </c>
      <c r="Y109" s="46">
        <v>1.4601243238278598</v>
      </c>
      <c r="Z109" s="47">
        <v>0.18415004830896819</v>
      </c>
      <c r="AA109" s="112">
        <v>0.8891229695317755</v>
      </c>
      <c r="AB109" s="93">
        <v>9.0496027786927211E-2</v>
      </c>
      <c r="AC109" s="112">
        <v>3.0837093228295288E-2</v>
      </c>
      <c r="AD109" s="93">
        <v>6.3896349703534291E-2</v>
      </c>
      <c r="AE109" s="112">
        <v>3.0787777782616623E-2</v>
      </c>
      <c r="AF109" s="93">
        <v>6.3874698077121442E-2</v>
      </c>
      <c r="AG109" s="92">
        <v>4.925215945731258E-2</v>
      </c>
      <c r="AH109" s="93">
        <v>7.1382403050642224E-2</v>
      </c>
    </row>
    <row r="110" spans="1:34">
      <c r="A110" s="48" t="s">
        <v>358</v>
      </c>
      <c r="B110" s="113">
        <v>97</v>
      </c>
      <c r="C110" s="50">
        <v>3.3111895834453926</v>
      </c>
      <c r="D110" s="51">
        <v>0.42353849385724651</v>
      </c>
      <c r="E110" s="114">
        <v>0.62070924779045156</v>
      </c>
      <c r="F110" s="96">
        <v>9.6792222160517388E-2</v>
      </c>
      <c r="G110" s="114">
        <v>4.5289936369510835E-2</v>
      </c>
      <c r="H110" s="96">
        <v>4.8458040048082775E-2</v>
      </c>
      <c r="I110" s="114">
        <v>0.30649554082845842</v>
      </c>
      <c r="J110" s="96">
        <v>9.2375290051027001E-2</v>
      </c>
      <c r="K110" s="95">
        <v>2.7505275011578633E-2</v>
      </c>
      <c r="L110" s="96">
        <v>4.1782956234850177E-2</v>
      </c>
      <c r="M110" s="113">
        <v>96</v>
      </c>
      <c r="N110" s="50">
        <v>4.7026724014254384</v>
      </c>
      <c r="O110" s="51">
        <v>0.35543612013555076</v>
      </c>
      <c r="P110" s="114">
        <v>0.28697974059016818</v>
      </c>
      <c r="Q110" s="96">
        <v>9.1253487680202139E-2</v>
      </c>
      <c r="R110" s="114">
        <v>0.45095603919199051</v>
      </c>
      <c r="S110" s="96">
        <v>9.9555666080731867E-2</v>
      </c>
      <c r="T110" s="114">
        <v>0.24654133734157707</v>
      </c>
      <c r="U110" s="96">
        <v>8.7360225216662285E-2</v>
      </c>
      <c r="V110" s="95">
        <v>1.5522882876264039E-2</v>
      </c>
      <c r="W110" s="96">
        <v>3.6706304756305548E-2</v>
      </c>
      <c r="X110" s="113">
        <v>98</v>
      </c>
      <c r="Y110" s="50">
        <v>1.6463118357018565</v>
      </c>
      <c r="Z110" s="51">
        <v>0.21296527173453095</v>
      </c>
      <c r="AA110" s="114">
        <v>0.8587753258285441</v>
      </c>
      <c r="AB110" s="96">
        <v>7.1723318273788778E-2</v>
      </c>
      <c r="AC110" s="114">
        <v>1.6114147233225164E-2</v>
      </c>
      <c r="AD110" s="96">
        <v>3.6438909663145599E-2</v>
      </c>
      <c r="AE110" s="114">
        <v>0.1132890008772993</v>
      </c>
      <c r="AF110" s="96">
        <v>6.6259641548763029E-2</v>
      </c>
      <c r="AG110" s="95">
        <v>1.1821526060930959E-2</v>
      </c>
      <c r="AH110" s="96">
        <v>3.4303661505560891E-2</v>
      </c>
    </row>
    <row r="111" spans="1:34">
      <c r="A111" s="56" t="s">
        <v>359</v>
      </c>
      <c r="B111" s="111">
        <v>113</v>
      </c>
      <c r="C111" s="46">
        <v>3.0816968750005049</v>
      </c>
      <c r="D111" s="47">
        <v>0.33937011075236428</v>
      </c>
      <c r="E111" s="112">
        <v>0.60364811496397497</v>
      </c>
      <c r="F111" s="93">
        <v>9.057821309856777E-2</v>
      </c>
      <c r="G111" s="112">
        <v>0.14570241664933875</v>
      </c>
      <c r="H111" s="93">
        <v>6.7408572215700083E-2</v>
      </c>
      <c r="I111" s="112">
        <v>0.24098833076141346</v>
      </c>
      <c r="J111" s="93">
        <v>8.0047355806194612E-2</v>
      </c>
      <c r="K111" s="92">
        <v>9.6611376252721207E-3</v>
      </c>
      <c r="L111" s="93">
        <v>2.9657063395676048E-2</v>
      </c>
      <c r="M111" s="111">
        <v>114</v>
      </c>
      <c r="N111" s="46">
        <v>3.4546679482230203</v>
      </c>
      <c r="O111" s="47">
        <v>0.29926386574506375</v>
      </c>
      <c r="P111" s="112">
        <v>5.8352042818712223E-2</v>
      </c>
      <c r="Q111" s="93">
        <v>4.7992539751209075E-2</v>
      </c>
      <c r="R111" s="112">
        <v>0.42474685218626784</v>
      </c>
      <c r="S111" s="93">
        <v>9.1079103454345459E-2</v>
      </c>
      <c r="T111" s="112">
        <v>0.40917936079944128</v>
      </c>
      <c r="U111" s="93">
        <v>9.0628941030375845E-2</v>
      </c>
      <c r="V111" s="92">
        <v>0.10772174419557798</v>
      </c>
      <c r="W111" s="93">
        <v>6.0049030324595076E-2</v>
      </c>
      <c r="X111" s="111">
        <v>116</v>
      </c>
      <c r="Y111" s="46">
        <v>1.6638476591984579</v>
      </c>
      <c r="Z111" s="47">
        <v>0.19351087512976256</v>
      </c>
      <c r="AA111" s="112">
        <v>0.84390268378164079</v>
      </c>
      <c r="AB111" s="93">
        <v>6.8187031453481206E-2</v>
      </c>
      <c r="AC111" s="112">
        <v>5.0633076183409592E-2</v>
      </c>
      <c r="AD111" s="93">
        <v>4.5205841273927773E-2</v>
      </c>
      <c r="AE111" s="112">
        <v>9.5743960913882833E-2</v>
      </c>
      <c r="AF111" s="93">
        <v>5.6947442676390632E-2</v>
      </c>
      <c r="AG111" s="92">
        <v>9.720279121066806E-3</v>
      </c>
      <c r="AH111" s="93">
        <v>2.9088176192137268E-2</v>
      </c>
    </row>
    <row r="112" spans="1:34">
      <c r="A112" s="48" t="s">
        <v>371</v>
      </c>
      <c r="B112" s="113">
        <v>181</v>
      </c>
      <c r="C112" s="50">
        <v>2.5188903031890781</v>
      </c>
      <c r="D112" s="51">
        <v>0.27797018135351359</v>
      </c>
      <c r="E112" s="114">
        <v>0.72503000576073862</v>
      </c>
      <c r="F112" s="96">
        <v>6.6010252505626671E-2</v>
      </c>
      <c r="G112" s="114">
        <v>9.4555535633804214E-2</v>
      </c>
      <c r="H112" s="96">
        <v>4.4756756858805542E-2</v>
      </c>
      <c r="I112" s="114">
        <v>0.16215388440281217</v>
      </c>
      <c r="J112" s="96">
        <v>5.5164114077788401E-2</v>
      </c>
      <c r="K112" s="95">
        <v>1.8260574202645694E-2</v>
      </c>
      <c r="L112" s="96">
        <v>2.4540850264572919E-2</v>
      </c>
      <c r="M112" s="113">
        <v>182</v>
      </c>
      <c r="N112" s="50">
        <v>3.9159689807739437</v>
      </c>
      <c r="O112" s="51">
        <v>0.29546765037006523</v>
      </c>
      <c r="P112" s="114">
        <v>0.21422937762990249</v>
      </c>
      <c r="Q112" s="96">
        <v>6.0785158336190352E-2</v>
      </c>
      <c r="R112" s="114">
        <v>0.32605881235299677</v>
      </c>
      <c r="S112" s="96">
        <v>6.8944700301082504E-2</v>
      </c>
      <c r="T112" s="114">
        <v>0.37923065275088286</v>
      </c>
      <c r="U112" s="96">
        <v>7.1246254957354413E-2</v>
      </c>
      <c r="V112" s="95">
        <v>8.0481157266218947E-2</v>
      </c>
      <c r="W112" s="96">
        <v>4.18631330367428E-2</v>
      </c>
      <c r="X112" s="113">
        <v>183</v>
      </c>
      <c r="Y112" s="50">
        <v>1.543674823107539</v>
      </c>
      <c r="Z112" s="51">
        <v>0.14526501825554858</v>
      </c>
      <c r="AA112" s="114">
        <v>0.82803776713688948</v>
      </c>
      <c r="AB112" s="96">
        <v>5.6064434123949701E-2</v>
      </c>
      <c r="AC112" s="114">
        <v>0.11104402176798178</v>
      </c>
      <c r="AD112" s="96">
        <v>4.7418082830972257E-2</v>
      </c>
      <c r="AE112" s="114">
        <v>5.3899697184008666E-2</v>
      </c>
      <c r="AF112" s="96">
        <v>3.56504325450007E-2</v>
      </c>
      <c r="AG112" s="95">
        <v>7.0185139111204886E-3</v>
      </c>
      <c r="AH112" s="96">
        <v>1.9211790809380083E-2</v>
      </c>
    </row>
    <row r="113" spans="1:34">
      <c r="A113" s="56" t="s">
        <v>360</v>
      </c>
      <c r="B113" s="111">
        <v>103</v>
      </c>
      <c r="C113" s="46">
        <v>2.3918739898095214</v>
      </c>
      <c r="D113" s="47">
        <v>0.37609122254682786</v>
      </c>
      <c r="E113" s="112">
        <v>0.73940054049934201</v>
      </c>
      <c r="F113" s="93">
        <v>8.5793131398774869E-2</v>
      </c>
      <c r="G113" s="112">
        <v>8.2027219117506364E-2</v>
      </c>
      <c r="H113" s="93">
        <v>5.7393993132639404E-2</v>
      </c>
      <c r="I113" s="112">
        <v>0.14537323378493336</v>
      </c>
      <c r="J113" s="93">
        <v>7.0635760230421896E-2</v>
      </c>
      <c r="K113" s="92">
        <v>3.3199006598218339E-2</v>
      </c>
      <c r="L113" s="93">
        <v>4.2397380476935774E-2</v>
      </c>
      <c r="M113" s="111">
        <v>103</v>
      </c>
      <c r="N113" s="46">
        <v>4.3097670026827579</v>
      </c>
      <c r="O113" s="47">
        <v>0.35372291453187094</v>
      </c>
      <c r="P113" s="112">
        <v>0.23007884954908353</v>
      </c>
      <c r="Q113" s="93">
        <v>8.2595294934521488E-2</v>
      </c>
      <c r="R113" s="112">
        <v>0.40398986021441091</v>
      </c>
      <c r="S113" s="93">
        <v>9.5007793729313061E-2</v>
      </c>
      <c r="T113" s="112">
        <v>0.27484317105583134</v>
      </c>
      <c r="U113" s="93">
        <v>8.7118756682557849E-2</v>
      </c>
      <c r="V113" s="92">
        <v>9.1088119180674235E-2</v>
      </c>
      <c r="W113" s="93">
        <v>5.9612142301426446E-2</v>
      </c>
      <c r="X113" s="111">
        <v>103</v>
      </c>
      <c r="Y113" s="46">
        <v>1.4544149480865221</v>
      </c>
      <c r="Z113" s="47">
        <v>0.19096169731484547</v>
      </c>
      <c r="AA113" s="112">
        <v>0.87018719866474381</v>
      </c>
      <c r="AB113" s="93">
        <v>6.7813873937772703E-2</v>
      </c>
      <c r="AC113" s="112">
        <v>7.9573528062256038E-2</v>
      </c>
      <c r="AD113" s="93">
        <v>5.6769790615333972E-2</v>
      </c>
      <c r="AE113" s="112">
        <v>5.0239273273000221E-2</v>
      </c>
      <c r="AF113" s="93">
        <v>4.8358739645360638E-2</v>
      </c>
      <c r="AG113" s="92">
        <v>0</v>
      </c>
      <c r="AH113" s="93">
        <v>2.6185687246820841E-2</v>
      </c>
    </row>
    <row r="114" spans="1:34">
      <c r="A114" s="48" t="s">
        <v>370</v>
      </c>
      <c r="B114" s="113">
        <v>293</v>
      </c>
      <c r="C114" s="50">
        <v>2.9267922882216748</v>
      </c>
      <c r="D114" s="51">
        <v>0.2327857945181003</v>
      </c>
      <c r="E114" s="114">
        <v>0.65693516193385992</v>
      </c>
      <c r="F114" s="96">
        <v>5.5174078414461813E-2</v>
      </c>
      <c r="G114" s="114">
        <v>8.1895087235234865E-2</v>
      </c>
      <c r="H114" s="96">
        <v>3.279675323261582E-2</v>
      </c>
      <c r="I114" s="114">
        <v>0.24482675186273853</v>
      </c>
      <c r="J114" s="96">
        <v>5.0134996026379143E-2</v>
      </c>
      <c r="K114" s="95">
        <v>1.6342998968166347E-2</v>
      </c>
      <c r="L114" s="96">
        <v>1.7343610079800387E-2</v>
      </c>
      <c r="M114" s="113">
        <v>291</v>
      </c>
      <c r="N114" s="50">
        <v>3.7248418955683849</v>
      </c>
      <c r="O114" s="51">
        <v>0.22637882281662233</v>
      </c>
      <c r="P114" s="114">
        <v>0.17581558939305336</v>
      </c>
      <c r="Q114" s="96">
        <v>4.4757000230509124E-2</v>
      </c>
      <c r="R114" s="114">
        <v>0.33059878610455579</v>
      </c>
      <c r="S114" s="96">
        <v>5.4874423075541523E-2</v>
      </c>
      <c r="T114" s="114">
        <v>0.41010178937218705</v>
      </c>
      <c r="U114" s="96">
        <v>5.7299213505787809E-2</v>
      </c>
      <c r="V114" s="95">
        <v>8.348383513020291E-2</v>
      </c>
      <c r="W114" s="96">
        <v>3.3178936655232617E-2</v>
      </c>
      <c r="X114" s="113">
        <v>293</v>
      </c>
      <c r="Y114" s="50">
        <v>1.6849859176411253</v>
      </c>
      <c r="Z114" s="51">
        <v>0.1268889431740115</v>
      </c>
      <c r="AA114" s="114">
        <v>0.81172772760215506</v>
      </c>
      <c r="AB114" s="96">
        <v>4.5752324575345435E-2</v>
      </c>
      <c r="AC114" s="114">
        <v>5.3039741917071261E-2</v>
      </c>
      <c r="AD114" s="96">
        <v>2.7357563770450562E-2</v>
      </c>
      <c r="AE114" s="114">
        <v>0.10321803620029657</v>
      </c>
      <c r="AF114" s="96">
        <v>3.61024010648947E-2</v>
      </c>
      <c r="AG114" s="95">
        <v>3.2014494280476542E-2</v>
      </c>
      <c r="AH114" s="96">
        <v>2.2277439976469242E-2</v>
      </c>
    </row>
    <row r="115" spans="1:34">
      <c r="A115" s="56" t="s">
        <v>361</v>
      </c>
      <c r="B115" s="111">
        <v>127</v>
      </c>
      <c r="C115" s="46">
        <v>3.1512940830218561</v>
      </c>
      <c r="D115" s="47">
        <v>0.35686763462378507</v>
      </c>
      <c r="E115" s="112">
        <v>0.5802904663404288</v>
      </c>
      <c r="F115" s="93">
        <v>8.6305177253344328E-2</v>
      </c>
      <c r="G115" s="112">
        <v>0.12061339611054253</v>
      </c>
      <c r="H115" s="93">
        <v>5.9185691160273377E-2</v>
      </c>
      <c r="I115" s="112">
        <v>0.28678851886968287</v>
      </c>
      <c r="J115" s="93">
        <v>7.9554985750590793E-2</v>
      </c>
      <c r="K115" s="92">
        <v>1.2307618679345288E-2</v>
      </c>
      <c r="L115" s="93">
        <v>2.8423839093276042E-2</v>
      </c>
      <c r="M115" s="111">
        <v>126</v>
      </c>
      <c r="N115" s="46">
        <v>3.9288511202745098</v>
      </c>
      <c r="O115" s="47">
        <v>0.34192939738791578</v>
      </c>
      <c r="P115" s="112">
        <v>0.20244278731771856</v>
      </c>
      <c r="Q115" s="93">
        <v>7.1645390334705489E-2</v>
      </c>
      <c r="R115" s="112">
        <v>0.29608967809736764</v>
      </c>
      <c r="S115" s="93">
        <v>8.056339099711457E-2</v>
      </c>
      <c r="T115" s="112">
        <v>0.38179211139609598</v>
      </c>
      <c r="U115" s="93">
        <v>8.5372225618067746E-2</v>
      </c>
      <c r="V115" s="92">
        <v>0.11967542318881721</v>
      </c>
      <c r="W115" s="93">
        <v>5.9256317575518289E-2</v>
      </c>
      <c r="X115" s="111">
        <v>127</v>
      </c>
      <c r="Y115" s="46">
        <v>1.8529987583129821</v>
      </c>
      <c r="Z115" s="47">
        <v>0.21515974488939218</v>
      </c>
      <c r="AA115" s="112">
        <v>0.73295986624953846</v>
      </c>
      <c r="AB115" s="93">
        <v>7.7949546950995777E-2</v>
      </c>
      <c r="AC115" s="112">
        <v>4.3066465938856019E-2</v>
      </c>
      <c r="AD115" s="93">
        <v>4.051858877519985E-2</v>
      </c>
      <c r="AE115" s="112">
        <v>0.15956954509260973</v>
      </c>
      <c r="AF115" s="93">
        <v>6.5632909661874572E-2</v>
      </c>
      <c r="AG115" s="92">
        <v>6.4404122718995441E-2</v>
      </c>
      <c r="AH115" s="93">
        <v>4.6779238050293707E-2</v>
      </c>
    </row>
    <row r="116" spans="1:34">
      <c r="A116" s="48" t="s">
        <v>375</v>
      </c>
      <c r="B116" s="113">
        <v>112</v>
      </c>
      <c r="C116" s="50">
        <v>2.6093339042509127</v>
      </c>
      <c r="D116" s="51">
        <v>0.35322756881204492</v>
      </c>
      <c r="E116" s="114">
        <v>0.73545195006267894</v>
      </c>
      <c r="F116" s="96">
        <v>8.2695900059111233E-2</v>
      </c>
      <c r="G116" s="114">
        <v>6.1247192611822522E-2</v>
      </c>
      <c r="H116" s="96">
        <v>4.9320631051336702E-2</v>
      </c>
      <c r="I116" s="114">
        <v>0.18490178791094344</v>
      </c>
      <c r="J116" s="96">
        <v>7.368208266566488E-2</v>
      </c>
      <c r="K116" s="95">
        <v>1.8399069414555061E-2</v>
      </c>
      <c r="L116" s="96">
        <v>3.4129862622138588E-2</v>
      </c>
      <c r="M116" s="113">
        <v>112</v>
      </c>
      <c r="N116" s="50">
        <v>3.0737439220945482</v>
      </c>
      <c r="O116" s="51">
        <v>0.33778423643382055</v>
      </c>
      <c r="P116" s="114">
        <v>9.1771727841246431E-2</v>
      </c>
      <c r="Q116" s="96">
        <v>5.7128000906442211E-2</v>
      </c>
      <c r="R116" s="114">
        <v>0.32763752571887339</v>
      </c>
      <c r="S116" s="96">
        <v>8.7553872318548345E-2</v>
      </c>
      <c r="T116" s="114">
        <v>0.50256586472518594</v>
      </c>
      <c r="U116" s="96">
        <v>9.2846529386695256E-2</v>
      </c>
      <c r="V116" s="95">
        <v>7.8024881714693961E-2</v>
      </c>
      <c r="W116" s="96">
        <v>5.3821377232909966E-2</v>
      </c>
      <c r="X116" s="113">
        <v>112</v>
      </c>
      <c r="Y116" s="50">
        <v>1.5379823510065411</v>
      </c>
      <c r="Z116" s="51">
        <v>0.19194421006843629</v>
      </c>
      <c r="AA116" s="114">
        <v>0.86847849059603321</v>
      </c>
      <c r="AB116" s="96">
        <v>6.5238566210932269E-2</v>
      </c>
      <c r="AC116" s="114">
        <v>7.390085586918714E-2</v>
      </c>
      <c r="AD116" s="96">
        <v>5.2766579485205425E-2</v>
      </c>
      <c r="AE116" s="114">
        <v>4.6307169764565018E-2</v>
      </c>
      <c r="AF116" s="96">
        <v>4.4765184584208126E-2</v>
      </c>
      <c r="AG116" s="95">
        <v>1.1313483770214763E-2</v>
      </c>
      <c r="AH116" s="96">
        <v>3.072205217478801E-2</v>
      </c>
    </row>
    <row r="117" spans="1:34">
      <c r="A117" s="56" t="s">
        <v>358</v>
      </c>
      <c r="B117" s="111">
        <v>97</v>
      </c>
      <c r="C117" s="46">
        <v>3.3111895834453926</v>
      </c>
      <c r="D117" s="47">
        <v>0.42353849385724651</v>
      </c>
      <c r="E117" s="112">
        <v>0.62070924779045156</v>
      </c>
      <c r="F117" s="93">
        <v>9.6792222160517388E-2</v>
      </c>
      <c r="G117" s="112">
        <v>4.5289936369510835E-2</v>
      </c>
      <c r="H117" s="93">
        <v>4.8458040048082775E-2</v>
      </c>
      <c r="I117" s="112">
        <v>0.30649554082845842</v>
      </c>
      <c r="J117" s="93">
        <v>9.2375290051027001E-2</v>
      </c>
      <c r="K117" s="92">
        <v>2.7505275011578633E-2</v>
      </c>
      <c r="L117" s="93">
        <v>4.1782956234850177E-2</v>
      </c>
      <c r="M117" s="111">
        <v>96</v>
      </c>
      <c r="N117" s="46">
        <v>4.7026724014254384</v>
      </c>
      <c r="O117" s="47">
        <v>0.35543612013555076</v>
      </c>
      <c r="P117" s="112">
        <v>0.28697974059016818</v>
      </c>
      <c r="Q117" s="93">
        <v>9.1253487680202139E-2</v>
      </c>
      <c r="R117" s="112">
        <v>0.45095603919199051</v>
      </c>
      <c r="S117" s="93">
        <v>9.9555666080731867E-2</v>
      </c>
      <c r="T117" s="112">
        <v>0.24654133734157707</v>
      </c>
      <c r="U117" s="93">
        <v>8.7360225216662285E-2</v>
      </c>
      <c r="V117" s="92">
        <v>1.5522882876264039E-2</v>
      </c>
      <c r="W117" s="93">
        <v>3.6706304756305548E-2</v>
      </c>
      <c r="X117" s="111">
        <v>98</v>
      </c>
      <c r="Y117" s="46">
        <v>1.6463118357018565</v>
      </c>
      <c r="Z117" s="47">
        <v>0.21296527173453095</v>
      </c>
      <c r="AA117" s="112">
        <v>0.8587753258285441</v>
      </c>
      <c r="AB117" s="93">
        <v>7.1723318273788778E-2</v>
      </c>
      <c r="AC117" s="112">
        <v>1.6114147233225164E-2</v>
      </c>
      <c r="AD117" s="93">
        <v>3.6438909663145599E-2</v>
      </c>
      <c r="AE117" s="112">
        <v>0.1132890008772993</v>
      </c>
      <c r="AF117" s="93">
        <v>6.6259641548763029E-2</v>
      </c>
      <c r="AG117" s="92">
        <v>1.1821526060930959E-2</v>
      </c>
      <c r="AH117" s="93">
        <v>3.4303661505560891E-2</v>
      </c>
    </row>
    <row r="119" spans="1:34" ht="18.75">
      <c r="A119" s="340" t="s">
        <v>495</v>
      </c>
      <c r="B119" s="340"/>
      <c r="C119" s="340"/>
      <c r="D119" s="340"/>
      <c r="E119" s="340"/>
      <c r="F119" s="340"/>
      <c r="G119" s="340"/>
      <c r="H119" s="340"/>
      <c r="I119" s="340"/>
      <c r="J119" s="340"/>
      <c r="K119" s="340"/>
      <c r="L119" s="340"/>
    </row>
    <row r="120" spans="1:34" ht="59.25" customHeight="1">
      <c r="A120" s="361" t="s">
        <v>496</v>
      </c>
      <c r="B120" s="361"/>
      <c r="C120" s="361"/>
      <c r="D120" s="361"/>
      <c r="E120" s="361"/>
      <c r="F120" s="361"/>
      <c r="G120" s="361"/>
      <c r="H120" s="361"/>
      <c r="I120" s="361"/>
      <c r="J120" s="361"/>
      <c r="K120" s="361"/>
      <c r="L120" s="361"/>
    </row>
    <row r="121" spans="1:34" ht="45" customHeight="1">
      <c r="A121" s="359" t="s">
        <v>494</v>
      </c>
      <c r="B121" s="360"/>
      <c r="C121" s="360"/>
      <c r="D121" s="360"/>
      <c r="E121" s="360"/>
      <c r="F121" s="360"/>
      <c r="G121" s="360"/>
      <c r="H121" s="360"/>
      <c r="I121" s="360"/>
      <c r="J121" s="360"/>
      <c r="K121" s="360"/>
      <c r="L121" s="360"/>
    </row>
    <row r="122" spans="1:34" ht="72">
      <c r="A122" s="36" t="s">
        <v>70</v>
      </c>
      <c r="B122" s="64" t="s">
        <v>71</v>
      </c>
      <c r="C122" s="64" t="s">
        <v>594</v>
      </c>
      <c r="D122" s="87" t="s">
        <v>72</v>
      </c>
      <c r="E122" s="64" t="s">
        <v>156</v>
      </c>
      <c r="F122" s="87" t="s">
        <v>84</v>
      </c>
      <c r="G122" s="64" t="s">
        <v>157</v>
      </c>
      <c r="H122" s="87" t="s">
        <v>85</v>
      </c>
      <c r="I122" s="64" t="s">
        <v>158</v>
      </c>
      <c r="J122" s="87" t="s">
        <v>86</v>
      </c>
      <c r="K122" s="64" t="s">
        <v>301</v>
      </c>
      <c r="L122" s="87" t="s">
        <v>300</v>
      </c>
    </row>
    <row r="123" spans="1:34" ht="72">
      <c r="A123" s="40"/>
      <c r="B123" s="67" t="s">
        <v>73</v>
      </c>
      <c r="C123" s="67" t="s">
        <v>302</v>
      </c>
      <c r="D123" s="89" t="s">
        <v>75</v>
      </c>
      <c r="E123" s="67" t="s">
        <v>159</v>
      </c>
      <c r="F123" s="89" t="s">
        <v>87</v>
      </c>
      <c r="G123" s="67" t="s">
        <v>160</v>
      </c>
      <c r="H123" s="89" t="s">
        <v>87</v>
      </c>
      <c r="I123" s="67" t="s">
        <v>161</v>
      </c>
      <c r="J123" s="89" t="s">
        <v>87</v>
      </c>
      <c r="K123" s="67" t="s">
        <v>301</v>
      </c>
      <c r="L123" s="89" t="s">
        <v>87</v>
      </c>
    </row>
    <row r="124" spans="1:34">
      <c r="A124" s="44" t="s">
        <v>349</v>
      </c>
      <c r="B124" s="111">
        <v>13874</v>
      </c>
      <c r="C124" s="46">
        <v>5.0634827782403242</v>
      </c>
      <c r="D124" s="47">
        <v>2.7159998507101851E-2</v>
      </c>
      <c r="E124" s="112">
        <v>0.15727631081079141</v>
      </c>
      <c r="F124" s="93">
        <v>6.1823231189941574E-3</v>
      </c>
      <c r="G124" s="112">
        <v>0.16470468259302579</v>
      </c>
      <c r="H124" s="93">
        <v>6.2985676792330471E-3</v>
      </c>
      <c r="I124" s="112">
        <v>0.66027281990802011</v>
      </c>
      <c r="J124" s="93">
        <v>8.040957064815564E-3</v>
      </c>
      <c r="K124" s="92">
        <v>1.7746186688175177E-2</v>
      </c>
      <c r="L124" s="93">
        <v>2.2500615627494983E-3</v>
      </c>
    </row>
    <row r="125" spans="1:34">
      <c r="A125" s="48" t="s">
        <v>350</v>
      </c>
      <c r="B125" s="113">
        <v>10169</v>
      </c>
      <c r="C125" s="50">
        <v>5.1868473565848552</v>
      </c>
      <c r="D125" s="51">
        <v>3.1449030036259353E-2</v>
      </c>
      <c r="E125" s="114">
        <v>0.14559714006374416</v>
      </c>
      <c r="F125" s="96">
        <v>6.9965759779157316E-3</v>
      </c>
      <c r="G125" s="114">
        <v>0.14989961557926051</v>
      </c>
      <c r="H125" s="96">
        <v>7.0811696047721308E-3</v>
      </c>
      <c r="I125" s="114">
        <v>0.69324695550056037</v>
      </c>
      <c r="J125" s="96">
        <v>9.1447930053415571E-3</v>
      </c>
      <c r="K125" s="95">
        <v>1.1256288856427257E-2</v>
      </c>
      <c r="L125" s="96">
        <v>2.1094959711019522E-3</v>
      </c>
    </row>
    <row r="126" spans="1:34">
      <c r="A126" s="44" t="s">
        <v>351</v>
      </c>
      <c r="B126" s="111">
        <v>3705</v>
      </c>
      <c r="C126" s="46">
        <v>4.9626142427155866</v>
      </c>
      <c r="D126" s="47">
        <v>5.2884839506120052E-2</v>
      </c>
      <c r="E126" s="112">
        <v>0.16671241382169902</v>
      </c>
      <c r="F126" s="93">
        <v>1.2250589576164537E-2</v>
      </c>
      <c r="G126" s="112">
        <v>0.17666633127948095</v>
      </c>
      <c r="H126" s="93">
        <v>1.2534372739120028E-2</v>
      </c>
      <c r="I126" s="112">
        <v>0.63363160137579666</v>
      </c>
      <c r="J126" s="93">
        <v>1.5823953681712175E-2</v>
      </c>
      <c r="K126" s="92">
        <v>2.2989653523023176E-2</v>
      </c>
      <c r="L126" s="93">
        <v>4.9751766494316842E-3</v>
      </c>
    </row>
    <row r="127" spans="1:34">
      <c r="A127" s="48" t="s">
        <v>558</v>
      </c>
      <c r="B127" s="113">
        <v>334</v>
      </c>
      <c r="C127" s="50">
        <v>5.0424950334376559</v>
      </c>
      <c r="D127" s="51">
        <v>0.16566350276134514</v>
      </c>
      <c r="E127" s="114">
        <v>0.15500813510492312</v>
      </c>
      <c r="F127" s="96">
        <v>3.9789530790628524E-2</v>
      </c>
      <c r="G127" s="114">
        <v>0.15791395010250575</v>
      </c>
      <c r="H127" s="96">
        <v>4.00784020467716E-2</v>
      </c>
      <c r="I127" s="114">
        <v>0.67166458739798496</v>
      </c>
      <c r="J127" s="96">
        <v>5.1166814672124521E-2</v>
      </c>
      <c r="K127" s="95">
        <v>1.541332739458702E-2</v>
      </c>
      <c r="L127" s="96">
        <v>1.5651848139392417E-2</v>
      </c>
    </row>
    <row r="128" spans="1:34">
      <c r="A128" s="44" t="s">
        <v>559</v>
      </c>
      <c r="B128" s="111">
        <v>3602</v>
      </c>
      <c r="C128" s="46">
        <v>5.0984434467193198</v>
      </c>
      <c r="D128" s="47">
        <v>5.3212897974739048E-2</v>
      </c>
      <c r="E128" s="112">
        <v>0.15865931555797069</v>
      </c>
      <c r="F128" s="93">
        <v>1.2180236475139505E-2</v>
      </c>
      <c r="G128" s="112">
        <v>0.15462117258672831</v>
      </c>
      <c r="H128" s="93">
        <v>1.205358524542316E-2</v>
      </c>
      <c r="I128" s="112">
        <v>0.6756579413371866</v>
      </c>
      <c r="J128" s="93">
        <v>1.5593729410759196E-2</v>
      </c>
      <c r="K128" s="92">
        <v>1.1061570518122335E-2</v>
      </c>
      <c r="L128" s="93">
        <v>3.5668530507989202E-3</v>
      </c>
    </row>
    <row r="129" spans="1:12">
      <c r="A129" s="48" t="s">
        <v>560</v>
      </c>
      <c r="B129" s="113">
        <v>2954</v>
      </c>
      <c r="C129" s="50">
        <v>5.3287137628915424</v>
      </c>
      <c r="D129" s="51">
        <v>5.7898891770722619E-2</v>
      </c>
      <c r="E129" s="114">
        <v>0.12330323415013865</v>
      </c>
      <c r="F129" s="96">
        <v>1.2111888848140608E-2</v>
      </c>
      <c r="G129" s="114">
        <v>0.13905876259430069</v>
      </c>
      <c r="H129" s="96">
        <v>1.2742497148966785E-2</v>
      </c>
      <c r="I129" s="114">
        <v>0.73156323883254748</v>
      </c>
      <c r="J129" s="96">
        <v>1.6301892829650718E-2</v>
      </c>
      <c r="K129" s="95">
        <v>6.074764423011688E-3</v>
      </c>
      <c r="L129" s="96">
        <v>3.0093877209410587E-3</v>
      </c>
    </row>
    <row r="130" spans="1:12">
      <c r="A130" s="44" t="s">
        <v>368</v>
      </c>
      <c r="B130" s="111">
        <v>157</v>
      </c>
      <c r="C130" s="46">
        <v>5.1803477907798916</v>
      </c>
      <c r="D130" s="47">
        <v>0.23232907253940749</v>
      </c>
      <c r="E130" s="112">
        <v>0.11715301393320336</v>
      </c>
      <c r="F130" s="93">
        <v>5.2424635966079762E-2</v>
      </c>
      <c r="G130" s="112">
        <v>0.15397925392196407</v>
      </c>
      <c r="H130" s="93">
        <v>5.8159146191945177E-2</v>
      </c>
      <c r="I130" s="112">
        <v>0.72481300472067511</v>
      </c>
      <c r="J130" s="93">
        <v>7.0831663702539238E-2</v>
      </c>
      <c r="K130" s="92">
        <v>4.0547274241576033E-3</v>
      </c>
      <c r="L130" s="93">
        <v>2.0005070346802135E-2</v>
      </c>
    </row>
    <row r="131" spans="1:12">
      <c r="A131" s="48" t="s">
        <v>150</v>
      </c>
      <c r="B131" s="113">
        <v>273</v>
      </c>
      <c r="C131" s="50">
        <v>5.4789561332661112</v>
      </c>
      <c r="D131" s="51">
        <v>0.19130969100892284</v>
      </c>
      <c r="E131" s="114">
        <v>0.11727295728298751</v>
      </c>
      <c r="F131" s="96">
        <v>3.9440113149544605E-2</v>
      </c>
      <c r="G131" s="114">
        <v>0.10204145665496211</v>
      </c>
      <c r="H131" s="96">
        <v>3.7265728402413843E-2</v>
      </c>
      <c r="I131" s="114">
        <v>0.77650719304391558</v>
      </c>
      <c r="J131" s="96">
        <v>5.0375621744103684E-2</v>
      </c>
      <c r="K131" s="95">
        <v>4.1783930181318128E-3</v>
      </c>
      <c r="L131" s="96">
        <v>1.2722937818599999E-2</v>
      </c>
    </row>
    <row r="132" spans="1:12">
      <c r="A132" s="44" t="s">
        <v>352</v>
      </c>
      <c r="B132" s="111">
        <v>121</v>
      </c>
      <c r="C132" s="46">
        <v>5.3174500252609782</v>
      </c>
      <c r="D132" s="47">
        <v>0.28375617813089282</v>
      </c>
      <c r="E132" s="112">
        <v>0.12076990782607604</v>
      </c>
      <c r="F132" s="93">
        <v>6.0726655702600975E-2</v>
      </c>
      <c r="G132" s="112">
        <v>0.12418308240354109</v>
      </c>
      <c r="H132" s="93">
        <v>6.1359601335737632E-2</v>
      </c>
      <c r="I132" s="112">
        <v>0.74530968940826514</v>
      </c>
      <c r="J132" s="93">
        <v>7.8712205547526878E-2</v>
      </c>
      <c r="K132" s="92">
        <v>9.7373203621174895E-3</v>
      </c>
      <c r="L132" s="93">
        <v>2.8159124169494794E-2</v>
      </c>
    </row>
    <row r="133" spans="1:12">
      <c r="A133" s="48" t="s">
        <v>353</v>
      </c>
      <c r="B133" s="113">
        <v>117</v>
      </c>
      <c r="C133" s="50">
        <v>5.5396379358375381</v>
      </c>
      <c r="D133" s="51">
        <v>0.3011850656624776</v>
      </c>
      <c r="E133" s="114">
        <v>0.13093420071496564</v>
      </c>
      <c r="F133" s="96">
        <v>6.367457919417667E-2</v>
      </c>
      <c r="G133" s="114">
        <v>7.6890113336872026E-2</v>
      </c>
      <c r="H133" s="96">
        <v>5.2260804475348803E-2</v>
      </c>
      <c r="I133" s="114">
        <v>0.79166458101598058</v>
      </c>
      <c r="J133" s="96">
        <v>7.5067606648709775E-2</v>
      </c>
      <c r="K133" s="95">
        <v>5.1110493218140365E-4</v>
      </c>
      <c r="L133" s="96">
        <v>2.3519534636056019E-2</v>
      </c>
    </row>
    <row r="134" spans="1:12">
      <c r="A134" s="44" t="s">
        <v>369</v>
      </c>
      <c r="B134" s="111">
        <v>421</v>
      </c>
      <c r="C134" s="46">
        <v>5.3971152587973972</v>
      </c>
      <c r="D134" s="47">
        <v>0.15023809846722755</v>
      </c>
      <c r="E134" s="112">
        <v>0.11646835396864773</v>
      </c>
      <c r="F134" s="93">
        <v>3.1534753523225913E-2</v>
      </c>
      <c r="G134" s="112">
        <v>0.10614523118638995</v>
      </c>
      <c r="H134" s="93">
        <v>3.0336871886902626E-2</v>
      </c>
      <c r="I134" s="112">
        <v>0.76563555581898257</v>
      </c>
      <c r="J134" s="93">
        <v>4.1246430895664252E-2</v>
      </c>
      <c r="K134" s="92">
        <v>1.1750859025979025E-2</v>
      </c>
      <c r="L134" s="93">
        <v>1.2301677972736383E-2</v>
      </c>
    </row>
    <row r="135" spans="1:12">
      <c r="A135" s="48" t="s">
        <v>354</v>
      </c>
      <c r="B135" s="113">
        <v>70</v>
      </c>
      <c r="C135" s="50">
        <v>5.4166340997718914</v>
      </c>
      <c r="D135" s="51">
        <v>0.3833835631867113</v>
      </c>
      <c r="E135" s="114">
        <v>0.17358145568379102</v>
      </c>
      <c r="F135" s="96">
        <v>9.1432572254010913E-2</v>
      </c>
      <c r="G135" s="114">
        <v>0.11254653658715005</v>
      </c>
      <c r="H135" s="96">
        <v>7.9072459325865291E-2</v>
      </c>
      <c r="I135" s="114">
        <v>0.71387200772905923</v>
      </c>
      <c r="J135" s="96">
        <v>0.10630657200606262</v>
      </c>
      <c r="K135" s="95">
        <v>0</v>
      </c>
      <c r="L135" s="96">
        <v>3.7701936889887336E-2</v>
      </c>
    </row>
    <row r="136" spans="1:12">
      <c r="A136" s="44" t="s">
        <v>355</v>
      </c>
      <c r="B136" s="111">
        <v>75</v>
      </c>
      <c r="C136" s="46">
        <v>5.4535358741794049</v>
      </c>
      <c r="D136" s="47">
        <v>0.40138829194855125</v>
      </c>
      <c r="E136" s="112">
        <v>0.14102471433332467</v>
      </c>
      <c r="F136" s="93">
        <v>8.232563383696509E-2</v>
      </c>
      <c r="G136" s="112">
        <v>3.0673565022433204E-2</v>
      </c>
      <c r="H136" s="93">
        <v>5.1051500231887377E-2</v>
      </c>
      <c r="I136" s="112">
        <v>0.80853422294356436</v>
      </c>
      <c r="J136" s="93">
        <v>9.1181394235861274E-2</v>
      </c>
      <c r="K136" s="92">
        <v>1.9767497700677813E-2</v>
      </c>
      <c r="L136" s="93">
        <v>4.6191538817870588E-2</v>
      </c>
    </row>
    <row r="137" spans="1:12">
      <c r="A137" s="48" t="s">
        <v>356</v>
      </c>
      <c r="B137" s="113">
        <v>66</v>
      </c>
      <c r="C137" s="50">
        <v>5.2239647099128934</v>
      </c>
      <c r="D137" s="51">
        <v>0.39072420773824501</v>
      </c>
      <c r="E137" s="114">
        <v>9.7310194743817816E-2</v>
      </c>
      <c r="F137" s="96">
        <v>7.7770316742593687E-2</v>
      </c>
      <c r="G137" s="114">
        <v>0.18764983139118604</v>
      </c>
      <c r="H137" s="96">
        <v>9.6590095597902145E-2</v>
      </c>
      <c r="I137" s="114">
        <v>0.71503997386499607</v>
      </c>
      <c r="J137" s="96">
        <v>0.10925504538549281</v>
      </c>
      <c r="K137" s="95">
        <v>0</v>
      </c>
      <c r="L137" s="96">
        <v>3.9824688710695409E-2</v>
      </c>
    </row>
    <row r="138" spans="1:12">
      <c r="A138" s="44" t="s">
        <v>357</v>
      </c>
      <c r="B138" s="111">
        <v>54</v>
      </c>
      <c r="C138" s="46">
        <v>5.7191139659549206</v>
      </c>
      <c r="D138" s="47">
        <v>0.32394029830528515</v>
      </c>
      <c r="E138" s="112">
        <v>6.2727593385372454E-2</v>
      </c>
      <c r="F138" s="93">
        <v>7.6228701191549092E-2</v>
      </c>
      <c r="G138" s="112">
        <v>5.1257279064069843E-2</v>
      </c>
      <c r="H138" s="93">
        <v>7.2133679634726361E-2</v>
      </c>
      <c r="I138" s="112">
        <v>0.87448184610784907</v>
      </c>
      <c r="J138" s="93">
        <v>9.4116338142004249E-2</v>
      </c>
      <c r="K138" s="92">
        <v>1.1533281442708572E-2</v>
      </c>
      <c r="L138" s="93">
        <v>5.4567727572205967E-2</v>
      </c>
    </row>
    <row r="139" spans="1:12">
      <c r="A139" s="48" t="s">
        <v>358</v>
      </c>
      <c r="B139" s="113">
        <v>97</v>
      </c>
      <c r="C139" s="50">
        <v>5.2659357614084801</v>
      </c>
      <c r="D139" s="51">
        <v>0.34530808439684862</v>
      </c>
      <c r="E139" s="114">
        <v>0.23366823986342197</v>
      </c>
      <c r="F139" s="96">
        <v>8.5497857512429068E-2</v>
      </c>
      <c r="G139" s="114">
        <v>3.2889075463554429E-3</v>
      </c>
      <c r="H139" s="96">
        <v>2.9806932057972673E-2</v>
      </c>
      <c r="I139" s="114">
        <v>0.7630428525902222</v>
      </c>
      <c r="J139" s="96">
        <v>8.5868988579177422E-2</v>
      </c>
      <c r="K139" s="95">
        <v>0</v>
      </c>
      <c r="L139" s="96">
        <v>2.7725572981612018E-2</v>
      </c>
    </row>
    <row r="140" spans="1:12">
      <c r="A140" s="44" t="s">
        <v>359</v>
      </c>
      <c r="B140" s="111">
        <v>113</v>
      </c>
      <c r="C140" s="46">
        <v>5.3196403671194199</v>
      </c>
      <c r="D140" s="47">
        <v>0.28246231954797341</v>
      </c>
      <c r="E140" s="112">
        <v>9.5348987736866675E-2</v>
      </c>
      <c r="F140" s="93">
        <v>5.7664587764460214E-2</v>
      </c>
      <c r="G140" s="112">
        <v>0.15016151111204265</v>
      </c>
      <c r="H140" s="93">
        <v>6.8147231976897982E-2</v>
      </c>
      <c r="I140" s="112">
        <v>0.73299888104076871</v>
      </c>
      <c r="J140" s="93">
        <v>8.2557434160879309E-2</v>
      </c>
      <c r="K140" s="92">
        <v>2.1490620110321608E-2</v>
      </c>
      <c r="L140" s="93">
        <v>3.5285065760541044E-2</v>
      </c>
    </row>
    <row r="141" spans="1:12">
      <c r="A141" s="48" t="s">
        <v>371</v>
      </c>
      <c r="B141" s="113">
        <v>182</v>
      </c>
      <c r="C141" s="50">
        <v>5.7668966580374983</v>
      </c>
      <c r="D141" s="51">
        <v>0.20627927500948953</v>
      </c>
      <c r="E141" s="114">
        <v>7.4776729400463399E-2</v>
      </c>
      <c r="F141" s="96">
        <v>4.0660812713281445E-2</v>
      </c>
      <c r="G141" s="114">
        <v>8.0205104606384581E-2</v>
      </c>
      <c r="H141" s="96">
        <v>4.180611472710858E-2</v>
      </c>
      <c r="I141" s="114">
        <v>0.84501816599315238</v>
      </c>
      <c r="J141" s="96">
        <v>5.4086212836655781E-2</v>
      </c>
      <c r="K141" s="95">
        <v>0</v>
      </c>
      <c r="L141" s="96">
        <v>1.5124620581124137E-2</v>
      </c>
    </row>
    <row r="142" spans="1:12">
      <c r="A142" s="44" t="s">
        <v>360</v>
      </c>
      <c r="B142" s="111">
        <v>103</v>
      </c>
      <c r="C142" s="46">
        <v>5.9407064062024126</v>
      </c>
      <c r="D142" s="47">
        <v>0.25322214292536627</v>
      </c>
      <c r="E142" s="112">
        <v>6.6347505082283278E-2</v>
      </c>
      <c r="F142" s="93">
        <v>5.32119218071321E-2</v>
      </c>
      <c r="G142" s="112">
        <v>5.2109468201203726E-2</v>
      </c>
      <c r="H142" s="93">
        <v>4.8956321725680818E-2</v>
      </c>
      <c r="I142" s="112">
        <v>0.88154302671651308</v>
      </c>
      <c r="J142" s="93">
        <v>6.5597354495646923E-2</v>
      </c>
      <c r="K142" s="92">
        <v>0</v>
      </c>
      <c r="L142" s="93">
        <v>2.6185687246820841E-2</v>
      </c>
    </row>
    <row r="143" spans="1:12">
      <c r="A143" s="48" t="s">
        <v>370</v>
      </c>
      <c r="B143" s="113">
        <v>293</v>
      </c>
      <c r="C143" s="50">
        <v>5.4849082791782555</v>
      </c>
      <c r="D143" s="51">
        <v>0.17491816304214883</v>
      </c>
      <c r="E143" s="114">
        <v>0.11022639565107728</v>
      </c>
      <c r="F143" s="96">
        <v>3.7089607542779658E-2</v>
      </c>
      <c r="G143" s="114">
        <v>0.11123695696975008</v>
      </c>
      <c r="H143" s="96">
        <v>3.722837055846312E-2</v>
      </c>
      <c r="I143" s="114">
        <v>0.76736612195709253</v>
      </c>
      <c r="J143" s="96">
        <v>4.9295085185515314E-2</v>
      </c>
      <c r="K143" s="95">
        <v>1.1170525422079396E-2</v>
      </c>
      <c r="L143" s="96">
        <v>1.5325373318544265E-2</v>
      </c>
    </row>
    <row r="144" spans="1:12">
      <c r="A144" s="44" t="s">
        <v>361</v>
      </c>
      <c r="B144" s="111">
        <v>127</v>
      </c>
      <c r="C144" s="46">
        <v>5.4475851286241523</v>
      </c>
      <c r="D144" s="47">
        <v>0.25175610220325084</v>
      </c>
      <c r="E144" s="112">
        <v>0.10227370908748858</v>
      </c>
      <c r="F144" s="93">
        <v>5.5623197767810897E-2</v>
      </c>
      <c r="G144" s="112">
        <v>0.17229463345034529</v>
      </c>
      <c r="H144" s="93">
        <v>6.746608636725529E-2</v>
      </c>
      <c r="I144" s="112">
        <v>0.69885200149719839</v>
      </c>
      <c r="J144" s="93">
        <v>8.0615154070138931E-2</v>
      </c>
      <c r="K144" s="92">
        <v>2.6579655964967322E-2</v>
      </c>
      <c r="L144" s="93">
        <v>3.4663639197933846E-2</v>
      </c>
    </row>
    <row r="145" spans="1:12">
      <c r="A145" s="48" t="s">
        <v>375</v>
      </c>
      <c r="B145" s="113">
        <v>112</v>
      </c>
      <c r="C145" s="50">
        <v>5.5988851470228669</v>
      </c>
      <c r="D145" s="51">
        <v>0.25559846307113104</v>
      </c>
      <c r="E145" s="114">
        <v>7.228884750642095E-2</v>
      </c>
      <c r="F145" s="96">
        <v>5.2345661529974837E-2</v>
      </c>
      <c r="G145" s="114">
        <v>9.0581549260222605E-2</v>
      </c>
      <c r="H145" s="96">
        <v>5.6853549576696451E-2</v>
      </c>
      <c r="I145" s="114">
        <v>0.8371296032333565</v>
      </c>
      <c r="J145" s="96">
        <v>7.0477890054620379E-2</v>
      </c>
      <c r="K145" s="95">
        <v>0</v>
      </c>
      <c r="L145" s="96">
        <v>2.4171880321350918E-2</v>
      </c>
    </row>
    <row r="146" spans="1:12">
      <c r="A146" s="44" t="s">
        <v>358</v>
      </c>
      <c r="B146" s="111">
        <v>97</v>
      </c>
      <c r="C146" s="46">
        <v>5.2659357614084801</v>
      </c>
      <c r="D146" s="47">
        <v>0.34530808439684862</v>
      </c>
      <c r="E146" s="112">
        <v>0.23366823986342197</v>
      </c>
      <c r="F146" s="93">
        <v>8.5497857512429068E-2</v>
      </c>
      <c r="G146" s="112">
        <v>3.2889075463554429E-3</v>
      </c>
      <c r="H146" s="93">
        <v>2.9806932057972673E-2</v>
      </c>
      <c r="I146" s="112">
        <v>0.7630428525902222</v>
      </c>
      <c r="J146" s="93">
        <v>8.5868988579177422E-2</v>
      </c>
      <c r="K146" s="92">
        <v>0</v>
      </c>
      <c r="L146" s="93">
        <v>2.7725572981612018E-2</v>
      </c>
    </row>
  </sheetData>
  <mergeCells count="23">
    <mergeCell ref="A121:L121"/>
    <mergeCell ref="A119:L119"/>
    <mergeCell ref="A120:L120"/>
    <mergeCell ref="AT34:BD34"/>
    <mergeCell ref="X92:AH92"/>
    <mergeCell ref="A62:AS62"/>
    <mergeCell ref="B92:L92"/>
    <mergeCell ref="AI34:AS34"/>
    <mergeCell ref="M92:W92"/>
    <mergeCell ref="B63:L63"/>
    <mergeCell ref="M63:W63"/>
    <mergeCell ref="X63:AH63"/>
    <mergeCell ref="AI63:AS63"/>
    <mergeCell ref="A91:AH91"/>
    <mergeCell ref="A90:AH90"/>
    <mergeCell ref="A3:D3"/>
    <mergeCell ref="A4:D4"/>
    <mergeCell ref="A5:D5"/>
    <mergeCell ref="M34:W34"/>
    <mergeCell ref="X34:AH34"/>
    <mergeCell ref="B34:L34"/>
    <mergeCell ref="A33:BD33"/>
    <mergeCell ref="A32:BD32"/>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S147"/>
  <sheetViews>
    <sheetView zoomScaleNormal="100" zoomScalePageLayoutView="75" workbookViewId="0"/>
  </sheetViews>
  <sheetFormatPr defaultColWidth="22.85546875" defaultRowHeight="15"/>
  <cols>
    <col min="1" max="1" width="57.140625" customWidth="1"/>
    <col min="9" max="9" width="25.5703125" customWidth="1"/>
    <col min="10" max="10" width="26.7109375" customWidth="1"/>
  </cols>
  <sheetData>
    <row r="1" spans="1:6" ht="31.5">
      <c r="A1" s="32" t="s">
        <v>41</v>
      </c>
    </row>
    <row r="3" spans="1:6" ht="18.75">
      <c r="A3" s="340" t="s">
        <v>1</v>
      </c>
      <c r="B3" s="340"/>
      <c r="C3" s="340"/>
      <c r="D3" s="340"/>
    </row>
    <row r="4" spans="1:6" ht="201" customHeight="1">
      <c r="A4" s="372" t="s">
        <v>589</v>
      </c>
      <c r="B4" s="372"/>
      <c r="C4" s="372"/>
      <c r="D4" s="372"/>
      <c r="F4" s="233"/>
    </row>
    <row r="5" spans="1:6" ht="34.5" customHeight="1">
      <c r="A5" s="351" t="s">
        <v>104</v>
      </c>
      <c r="B5" s="352"/>
      <c r="C5" s="352"/>
      <c r="D5" s="352"/>
    </row>
    <row r="6" spans="1:6" ht="43.5" customHeight="1">
      <c r="A6" s="36" t="s">
        <v>70</v>
      </c>
      <c r="B6" s="37" t="s">
        <v>71</v>
      </c>
      <c r="C6" s="38" t="s">
        <v>593</v>
      </c>
      <c r="D6" s="39" t="s">
        <v>72</v>
      </c>
    </row>
    <row r="7" spans="1:6" ht="56.25" customHeight="1">
      <c r="A7" s="40"/>
      <c r="B7" s="41" t="s">
        <v>73</v>
      </c>
      <c r="C7" s="42" t="s">
        <v>105</v>
      </c>
      <c r="D7" s="43" t="s">
        <v>75</v>
      </c>
    </row>
    <row r="8" spans="1:6">
      <c r="A8" s="44" t="s">
        <v>349</v>
      </c>
      <c r="B8" s="82">
        <v>13277</v>
      </c>
      <c r="C8" s="83">
        <v>3.677282666426394</v>
      </c>
      <c r="D8" s="84">
        <v>2.0993451205933784E-2</v>
      </c>
    </row>
    <row r="9" spans="1:6">
      <c r="A9" s="48" t="s">
        <v>350</v>
      </c>
      <c r="B9" s="118">
        <v>9829</v>
      </c>
      <c r="C9" s="119">
        <v>3.6556820477485221</v>
      </c>
      <c r="D9" s="120">
        <v>2.4262117158797572E-2</v>
      </c>
    </row>
    <row r="10" spans="1:6">
      <c r="A10" s="44" t="s">
        <v>351</v>
      </c>
      <c r="B10" s="82">
        <v>3448</v>
      </c>
      <c r="C10" s="83">
        <v>3.6954697037798288</v>
      </c>
      <c r="D10" s="84">
        <v>4.1708570481464757E-2</v>
      </c>
    </row>
    <row r="11" spans="1:6">
      <c r="A11" s="48" t="s">
        <v>558</v>
      </c>
      <c r="B11" s="118">
        <v>315</v>
      </c>
      <c r="C11" s="119">
        <v>4.0205403867236456</v>
      </c>
      <c r="D11" s="120">
        <v>0.14129079161564334</v>
      </c>
    </row>
    <row r="12" spans="1:6">
      <c r="A12" s="44" t="s">
        <v>559</v>
      </c>
      <c r="B12" s="82">
        <v>3442</v>
      </c>
      <c r="C12" s="83">
        <v>3.8007862121025413</v>
      </c>
      <c r="D12" s="84">
        <v>4.1846864885818451E-2</v>
      </c>
    </row>
    <row r="13" spans="1:6">
      <c r="A13" s="48" t="s">
        <v>560</v>
      </c>
      <c r="B13" s="118">
        <v>2852</v>
      </c>
      <c r="C13" s="119">
        <v>3.7524450472282749</v>
      </c>
      <c r="D13" s="120">
        <v>4.6112369210724896E-2</v>
      </c>
    </row>
    <row r="14" spans="1:6">
      <c r="A14" s="44" t="s">
        <v>368</v>
      </c>
      <c r="B14" s="82">
        <v>152</v>
      </c>
      <c r="C14" s="83">
        <v>3.6401503825483918</v>
      </c>
      <c r="D14" s="84">
        <v>0.20901340776460592</v>
      </c>
    </row>
    <row r="15" spans="1:6">
      <c r="A15" s="48" t="s">
        <v>150</v>
      </c>
      <c r="B15" s="118">
        <v>262</v>
      </c>
      <c r="C15" s="119">
        <v>3.7803810646319436</v>
      </c>
      <c r="D15" s="120">
        <v>0.15952729594495813</v>
      </c>
    </row>
    <row r="16" spans="1:6">
      <c r="A16" s="44" t="s">
        <v>352</v>
      </c>
      <c r="B16" s="82">
        <v>117</v>
      </c>
      <c r="C16" s="83">
        <v>3.7983572966437165</v>
      </c>
      <c r="D16" s="84">
        <v>0.23699060142829412</v>
      </c>
    </row>
    <row r="17" spans="1:17">
      <c r="A17" s="48" t="s">
        <v>353</v>
      </c>
      <c r="B17" s="118">
        <v>112</v>
      </c>
      <c r="C17" s="119">
        <v>3.5683363702054409</v>
      </c>
      <c r="D17" s="120">
        <v>0.24611480426194293</v>
      </c>
    </row>
    <row r="18" spans="1:17">
      <c r="A18" s="44" t="s">
        <v>369</v>
      </c>
      <c r="B18" s="115">
        <v>406</v>
      </c>
      <c r="C18" s="116">
        <v>3.9630258831319205</v>
      </c>
      <c r="D18" s="117">
        <v>0.113283618041706</v>
      </c>
    </row>
    <row r="19" spans="1:17">
      <c r="A19" s="48" t="s">
        <v>354</v>
      </c>
      <c r="B19" s="118">
        <v>68</v>
      </c>
      <c r="C19" s="119">
        <v>4.0571982978203707</v>
      </c>
      <c r="D19" s="120">
        <v>0.2800198735948024</v>
      </c>
    </row>
    <row r="20" spans="1:17">
      <c r="A20" s="44" t="s">
        <v>355</v>
      </c>
      <c r="B20" s="82">
        <v>72</v>
      </c>
      <c r="C20" s="83">
        <v>3.7521009574221962</v>
      </c>
      <c r="D20" s="84">
        <v>0.2656138489550548</v>
      </c>
    </row>
    <row r="21" spans="1:17">
      <c r="A21" s="48" t="s">
        <v>356</v>
      </c>
      <c r="B21" s="118">
        <v>64</v>
      </c>
      <c r="C21" s="119">
        <v>4.2525829571413629</v>
      </c>
      <c r="D21" s="120">
        <v>0.27451307604779129</v>
      </c>
    </row>
    <row r="22" spans="1:17">
      <c r="A22" s="56" t="s">
        <v>357</v>
      </c>
      <c r="B22" s="115">
        <v>50</v>
      </c>
      <c r="C22" s="116">
        <v>4.2114186520277856</v>
      </c>
      <c r="D22" s="117">
        <v>0.30416932732877</v>
      </c>
    </row>
    <row r="23" spans="1:17">
      <c r="A23" s="48" t="s">
        <v>358</v>
      </c>
      <c r="B23" s="118">
        <v>93</v>
      </c>
      <c r="C23" s="119">
        <v>3.7612799916259805</v>
      </c>
      <c r="D23" s="120">
        <v>0.26984168595934449</v>
      </c>
    </row>
    <row r="24" spans="1:17">
      <c r="A24" s="56" t="s">
        <v>359</v>
      </c>
      <c r="B24" s="115">
        <v>111</v>
      </c>
      <c r="C24" s="116">
        <v>3.8972442295879568</v>
      </c>
      <c r="D24" s="117">
        <v>0.21033392987471333</v>
      </c>
    </row>
    <row r="25" spans="1:17">
      <c r="A25" s="48" t="s">
        <v>371</v>
      </c>
      <c r="B25" s="118">
        <v>173</v>
      </c>
      <c r="C25" s="119">
        <v>3.7532422102768903</v>
      </c>
      <c r="D25" s="120">
        <v>0.17688687969683767</v>
      </c>
    </row>
    <row r="26" spans="1:17">
      <c r="A26" s="56" t="s">
        <v>360</v>
      </c>
      <c r="B26" s="115">
        <v>98</v>
      </c>
      <c r="C26" s="116">
        <v>3.7576009810732436</v>
      </c>
      <c r="D26" s="117">
        <v>0.24957737507275515</v>
      </c>
    </row>
    <row r="27" spans="1:17">
      <c r="A27" s="48" t="s">
        <v>370</v>
      </c>
      <c r="B27" s="118">
        <v>284</v>
      </c>
      <c r="C27" s="119">
        <v>3.923539884684732</v>
      </c>
      <c r="D27" s="120">
        <v>0.143628327009549</v>
      </c>
    </row>
    <row r="28" spans="1:17">
      <c r="A28" s="56" t="s">
        <v>361</v>
      </c>
      <c r="B28" s="115">
        <v>124</v>
      </c>
      <c r="C28" s="116">
        <v>3.6528521388270567</v>
      </c>
      <c r="D28" s="117">
        <v>0.22650409104488053</v>
      </c>
    </row>
    <row r="29" spans="1:17">
      <c r="A29" s="48" t="s">
        <v>375</v>
      </c>
      <c r="B29" s="118">
        <v>108</v>
      </c>
      <c r="C29" s="119">
        <v>4.182549477473013</v>
      </c>
      <c r="D29" s="120">
        <v>0.20530462486470899</v>
      </c>
    </row>
    <row r="30" spans="1:17">
      <c r="A30" s="56" t="s">
        <v>358</v>
      </c>
      <c r="B30" s="115">
        <v>93</v>
      </c>
      <c r="C30" s="116">
        <v>3.7612799916259805</v>
      </c>
      <c r="D30" s="117">
        <v>0.26984168595934449</v>
      </c>
    </row>
    <row r="32" spans="1:17" ht="18.75">
      <c r="A32" s="340" t="s">
        <v>34</v>
      </c>
      <c r="B32" s="340"/>
      <c r="C32" s="340"/>
      <c r="D32" s="340"/>
      <c r="E32" s="340"/>
      <c r="F32" s="340"/>
      <c r="G32" s="340"/>
      <c r="H32" s="340"/>
      <c r="I32" s="340"/>
      <c r="J32" s="340"/>
      <c r="K32" s="340"/>
      <c r="L32" s="340"/>
      <c r="M32" s="340"/>
      <c r="N32" s="340"/>
      <c r="O32" s="340"/>
      <c r="P32" s="340"/>
      <c r="Q32" s="340"/>
    </row>
    <row r="33" spans="1:45" ht="58.5" customHeight="1">
      <c r="A33" s="374" t="s">
        <v>590</v>
      </c>
      <c r="B33" s="374"/>
      <c r="C33" s="374"/>
      <c r="D33" s="374"/>
      <c r="E33" s="374"/>
      <c r="F33" s="374"/>
      <c r="G33" s="374"/>
      <c r="H33" s="374"/>
      <c r="I33" s="374"/>
      <c r="J33" s="374"/>
      <c r="K33" s="374"/>
      <c r="L33" s="374"/>
      <c r="M33" s="374"/>
      <c r="N33" s="374"/>
      <c r="O33" s="374"/>
      <c r="P33" s="374"/>
      <c r="Q33" s="374"/>
    </row>
    <row r="34" spans="1:45" ht="39" customHeight="1">
      <c r="A34" s="108"/>
      <c r="B34" s="382" t="s">
        <v>106</v>
      </c>
      <c r="C34" s="370"/>
      <c r="D34" s="370"/>
      <c r="E34" s="370"/>
      <c r="F34" s="370"/>
      <c r="G34" s="370"/>
      <c r="H34" s="371"/>
      <c r="I34" s="366" t="s">
        <v>274</v>
      </c>
      <c r="J34" s="380"/>
      <c r="K34" s="380"/>
      <c r="L34" s="380"/>
      <c r="M34" s="380"/>
      <c r="N34" s="380"/>
      <c r="O34" s="380"/>
      <c r="P34" s="380"/>
      <c r="Q34" s="380"/>
      <c r="R34" s="299"/>
      <c r="S34" s="299"/>
      <c r="T34" s="299"/>
      <c r="U34" s="299"/>
      <c r="V34" s="299"/>
      <c r="W34" s="299"/>
      <c r="X34" s="299"/>
      <c r="Y34" s="299"/>
      <c r="Z34" s="299"/>
      <c r="AA34" s="299"/>
      <c r="AB34" s="299"/>
      <c r="AC34" s="299"/>
      <c r="AD34" s="299"/>
      <c r="AE34" s="299"/>
      <c r="AF34" s="299"/>
      <c r="AG34" s="299"/>
      <c r="AH34" s="299"/>
      <c r="AI34" s="299"/>
      <c r="AJ34" s="299"/>
      <c r="AK34" s="299"/>
      <c r="AL34" s="299"/>
      <c r="AM34" s="299"/>
      <c r="AN34" s="299"/>
      <c r="AO34" s="299"/>
      <c r="AP34" s="299"/>
      <c r="AQ34" s="299"/>
      <c r="AR34" s="299"/>
      <c r="AS34" s="299"/>
    </row>
    <row r="35" spans="1:45" ht="39.75" customHeight="1">
      <c r="A35" s="36" t="s">
        <v>70</v>
      </c>
      <c r="B35" s="37" t="s">
        <v>71</v>
      </c>
      <c r="C35" s="37" t="s">
        <v>174</v>
      </c>
      <c r="D35" s="88" t="s">
        <v>107</v>
      </c>
      <c r="E35" s="37" t="s">
        <v>187</v>
      </c>
      <c r="F35" s="88" t="s">
        <v>548</v>
      </c>
      <c r="G35" s="37" t="s">
        <v>189</v>
      </c>
      <c r="H35" s="88" t="s">
        <v>549</v>
      </c>
      <c r="I35" s="64" t="s">
        <v>71</v>
      </c>
      <c r="J35" s="64" t="s">
        <v>175</v>
      </c>
      <c r="K35" s="87" t="s">
        <v>108</v>
      </c>
      <c r="L35" s="64" t="s">
        <v>176</v>
      </c>
      <c r="M35" s="87" t="s">
        <v>109</v>
      </c>
      <c r="N35" s="64" t="s">
        <v>177</v>
      </c>
      <c r="O35" s="87" t="s">
        <v>110</v>
      </c>
      <c r="P35" s="64" t="s">
        <v>471</v>
      </c>
      <c r="Q35" s="87" t="s">
        <v>111</v>
      </c>
    </row>
    <row r="36" spans="1:45" ht="63" customHeight="1">
      <c r="A36" s="40"/>
      <c r="B36" s="41" t="s">
        <v>73</v>
      </c>
      <c r="C36" s="41" t="s">
        <v>186</v>
      </c>
      <c r="D36" s="90" t="s">
        <v>87</v>
      </c>
      <c r="E36" s="41" t="s">
        <v>188</v>
      </c>
      <c r="F36" s="90" t="s">
        <v>87</v>
      </c>
      <c r="G36" s="41" t="s">
        <v>190</v>
      </c>
      <c r="H36" s="90" t="s">
        <v>87</v>
      </c>
      <c r="I36" s="67" t="s">
        <v>73</v>
      </c>
      <c r="J36" s="67" t="s">
        <v>275</v>
      </c>
      <c r="K36" s="89" t="s">
        <v>87</v>
      </c>
      <c r="L36" s="67" t="s">
        <v>276</v>
      </c>
      <c r="M36" s="89" t="s">
        <v>87</v>
      </c>
      <c r="N36" s="67" t="s">
        <v>277</v>
      </c>
      <c r="O36" s="89" t="s">
        <v>87</v>
      </c>
      <c r="P36" s="67" t="s">
        <v>472</v>
      </c>
      <c r="Q36" s="89" t="s">
        <v>87</v>
      </c>
    </row>
    <row r="37" spans="1:45">
      <c r="A37" s="44" t="s">
        <v>349</v>
      </c>
      <c r="B37" s="121">
        <v>12826</v>
      </c>
      <c r="C37" s="122">
        <v>0.39013594225533765</v>
      </c>
      <c r="D37" s="93">
        <v>8.6128728508205275E-3</v>
      </c>
      <c r="E37" s="122">
        <v>0.39765529260872923</v>
      </c>
      <c r="F37" s="93">
        <v>8.6416867646339837E-3</v>
      </c>
      <c r="G37" s="122">
        <v>0.21220876513595732</v>
      </c>
      <c r="H37" s="93">
        <v>7.2205612906470363E-3</v>
      </c>
      <c r="I37" s="123">
        <v>13248</v>
      </c>
      <c r="J37" s="122">
        <v>8.6136148489609266E-2</v>
      </c>
      <c r="K37" s="93">
        <v>4.8776177899403084E-3</v>
      </c>
      <c r="L37" s="122">
        <v>0.36389344524439077</v>
      </c>
      <c r="M37" s="93">
        <v>8.358951838977384E-3</v>
      </c>
      <c r="N37" s="122">
        <v>0.41575309974401586</v>
      </c>
      <c r="O37" s="93">
        <v>8.5626672652034455E-3</v>
      </c>
      <c r="P37" s="122">
        <v>0.13421730652200231</v>
      </c>
      <c r="Q37" s="93">
        <v>5.9244610991499537E-3</v>
      </c>
    </row>
    <row r="38" spans="1:45">
      <c r="A38" s="48" t="s">
        <v>350</v>
      </c>
      <c r="B38" s="48">
        <v>9430</v>
      </c>
      <c r="C38" s="125">
        <v>0.4043696540164739</v>
      </c>
      <c r="D38" s="96">
        <v>1.0105707783584226E-2</v>
      </c>
      <c r="E38" s="125">
        <v>0.40056797631620755</v>
      </c>
      <c r="F38" s="96">
        <v>1.0090152347239631E-2</v>
      </c>
      <c r="G38" s="125">
        <v>0.19506236966732188</v>
      </c>
      <c r="H38" s="96">
        <v>8.161292155039029E-3</v>
      </c>
      <c r="I38" s="48">
        <v>9814</v>
      </c>
      <c r="J38" s="125">
        <v>9.1078975540440338E-2</v>
      </c>
      <c r="K38" s="96">
        <v>5.8122951467587669E-3</v>
      </c>
      <c r="L38" s="125">
        <v>0.35863998213530723</v>
      </c>
      <c r="M38" s="96">
        <v>9.6808645333178039E-3</v>
      </c>
      <c r="N38" s="125">
        <v>0.41783543704047538</v>
      </c>
      <c r="O38" s="96">
        <v>9.9551752429515861E-3</v>
      </c>
      <c r="P38" s="125">
        <v>0.13244560528377944</v>
      </c>
      <c r="Q38" s="96">
        <v>6.8453160618524248E-3</v>
      </c>
    </row>
    <row r="39" spans="1:45">
      <c r="A39" s="44" t="s">
        <v>351</v>
      </c>
      <c r="B39" s="52">
        <v>3396</v>
      </c>
      <c r="C39" s="122">
        <v>0.37826662069572459</v>
      </c>
      <c r="D39" s="93">
        <v>1.6635038574700226E-2</v>
      </c>
      <c r="E39" s="122">
        <v>0.39522644059136169</v>
      </c>
      <c r="F39" s="93">
        <v>1.6770012293092443E-2</v>
      </c>
      <c r="G39" s="122">
        <v>0.226506938712913</v>
      </c>
      <c r="H39" s="93">
        <v>1.4364066205567778E-2</v>
      </c>
      <c r="I39" s="52">
        <v>3434</v>
      </c>
      <c r="J39" s="122">
        <v>8.1964834065367226E-2</v>
      </c>
      <c r="K39" s="93">
        <v>9.3818858774779128E-3</v>
      </c>
      <c r="L39" s="122">
        <v>0.36832690937710238</v>
      </c>
      <c r="M39" s="93">
        <v>1.6454231396449841E-2</v>
      </c>
      <c r="N39" s="122">
        <v>0.41399578889506777</v>
      </c>
      <c r="O39" s="93">
        <v>1.6801218734391991E-2</v>
      </c>
      <c r="P39" s="122">
        <v>0.13571246766246228</v>
      </c>
      <c r="Q39" s="93">
        <v>1.1697327494316968E-2</v>
      </c>
    </row>
    <row r="40" spans="1:45">
      <c r="A40" s="48" t="s">
        <v>558</v>
      </c>
      <c r="B40" s="48">
        <v>309</v>
      </c>
      <c r="C40" s="125">
        <v>0.24894108348694263</v>
      </c>
      <c r="D40" s="96">
        <v>4.9090140952297065E-2</v>
      </c>
      <c r="E40" s="125">
        <v>0.43754083610977834</v>
      </c>
      <c r="F40" s="96">
        <v>5.6091883264002544E-2</v>
      </c>
      <c r="G40" s="125">
        <v>0.31351808040327894</v>
      </c>
      <c r="H40" s="96">
        <v>5.255244087936408E-2</v>
      </c>
      <c r="I40" s="48">
        <v>315</v>
      </c>
      <c r="J40" s="125">
        <v>7.2412944589770309E-2</v>
      </c>
      <c r="K40" s="96">
        <v>2.998968663625199E-2</v>
      </c>
      <c r="L40" s="125">
        <v>0.34849197759273187</v>
      </c>
      <c r="M40" s="96">
        <v>5.3424117918140883E-2</v>
      </c>
      <c r="N40" s="125">
        <v>0.39933771825287889</v>
      </c>
      <c r="O40" s="96">
        <v>5.4871708833241162E-2</v>
      </c>
      <c r="P40" s="125">
        <v>0.17975735956461927</v>
      </c>
      <c r="Q40" s="96">
        <v>4.3369152078473971E-2</v>
      </c>
    </row>
    <row r="41" spans="1:45">
      <c r="A41" s="44" t="s">
        <v>559</v>
      </c>
      <c r="B41" s="52">
        <v>3332</v>
      </c>
      <c r="C41" s="122">
        <v>0.36224450301154631</v>
      </c>
      <c r="D41" s="93">
        <v>1.664515049336629E-2</v>
      </c>
      <c r="E41" s="122">
        <v>0.38291829319098192</v>
      </c>
      <c r="F41" s="93">
        <v>1.6833388919817085E-2</v>
      </c>
      <c r="G41" s="122">
        <v>0.25483720379748542</v>
      </c>
      <c r="H41" s="93">
        <v>1.5095191682410585E-2</v>
      </c>
      <c r="I41" s="52">
        <v>3437</v>
      </c>
      <c r="J41" s="122">
        <v>7.1402837411966097E-2</v>
      </c>
      <c r="K41" s="93">
        <v>8.8074958660808202E-3</v>
      </c>
      <c r="L41" s="122">
        <v>0.34675368187350009</v>
      </c>
      <c r="M41" s="93">
        <v>1.622889646003883E-2</v>
      </c>
      <c r="N41" s="122">
        <v>0.42827530872909852</v>
      </c>
      <c r="O41" s="93">
        <v>1.6871482761610348E-2</v>
      </c>
      <c r="P41" s="122">
        <v>0.15356817198544934</v>
      </c>
      <c r="Q41" s="93">
        <v>1.2305509899165857E-2</v>
      </c>
    </row>
    <row r="42" spans="1:45">
      <c r="A42" s="48" t="s">
        <v>560</v>
      </c>
      <c r="B42" s="48">
        <v>2754</v>
      </c>
      <c r="C42" s="125">
        <v>0.3907221677062005</v>
      </c>
      <c r="D42" s="96">
        <v>1.8582585936632558E-2</v>
      </c>
      <c r="E42" s="125">
        <v>0.37906042503230636</v>
      </c>
      <c r="F42" s="96">
        <v>1.847782570465353E-2</v>
      </c>
      <c r="G42" s="125">
        <v>0.23021740726148832</v>
      </c>
      <c r="H42" s="96">
        <v>1.6041476187931177E-2</v>
      </c>
      <c r="I42" s="48">
        <v>2850</v>
      </c>
      <c r="J42" s="125">
        <v>7.8740533051838368E-2</v>
      </c>
      <c r="K42" s="96">
        <v>1.0117567257505527E-2</v>
      </c>
      <c r="L42" s="125">
        <v>0.3539652284687827</v>
      </c>
      <c r="M42" s="96">
        <v>1.790473829077904E-2</v>
      </c>
      <c r="N42" s="125">
        <v>0.40876493648624374</v>
      </c>
      <c r="O42" s="96">
        <v>1.840521388164262E-2</v>
      </c>
      <c r="P42" s="125">
        <v>0.15852930199313087</v>
      </c>
      <c r="Q42" s="96">
        <v>1.3690153145181898E-2</v>
      </c>
    </row>
    <row r="43" spans="1:45">
      <c r="A43" s="44" t="s">
        <v>368</v>
      </c>
      <c r="B43" s="52">
        <v>148</v>
      </c>
      <c r="C43" s="122">
        <v>0.42667661329694712</v>
      </c>
      <c r="D43" s="93">
        <v>8.0279597249015733E-2</v>
      </c>
      <c r="E43" s="122">
        <v>0.32673364793756215</v>
      </c>
      <c r="F43" s="93">
        <v>7.6354099877818882E-2</v>
      </c>
      <c r="G43" s="122">
        <v>0.24658973876549037</v>
      </c>
      <c r="H43" s="93">
        <v>7.054647545379554E-2</v>
      </c>
      <c r="I43" s="52">
        <v>152</v>
      </c>
      <c r="J43" s="122">
        <v>8.4884148684772676E-2</v>
      </c>
      <c r="K43" s="93">
        <v>4.706855840143738E-2</v>
      </c>
      <c r="L43" s="122">
        <v>0.36977614364461991</v>
      </c>
      <c r="M43" s="93">
        <v>7.7443155631716609E-2</v>
      </c>
      <c r="N43" s="122">
        <v>0.4012179554361755</v>
      </c>
      <c r="O43" s="93">
        <v>7.8566662363269063E-2</v>
      </c>
      <c r="P43" s="122">
        <v>0.14412175223443152</v>
      </c>
      <c r="Q43" s="93">
        <v>5.7682206943380103E-2</v>
      </c>
    </row>
    <row r="44" spans="1:45">
      <c r="A44" s="48" t="s">
        <v>150</v>
      </c>
      <c r="B44" s="48">
        <v>246</v>
      </c>
      <c r="C44" s="125">
        <v>0.42704981185813629</v>
      </c>
      <c r="D44" s="96">
        <v>6.2590376646330853E-2</v>
      </c>
      <c r="E44" s="125">
        <v>0.38868780495523991</v>
      </c>
      <c r="F44" s="96">
        <v>6.170937254494803E-2</v>
      </c>
      <c r="G44" s="125">
        <v>0.18426238318662669</v>
      </c>
      <c r="H44" s="96">
        <v>4.9553901867337845E-2</v>
      </c>
      <c r="I44" s="48">
        <v>262</v>
      </c>
      <c r="J44" s="125">
        <v>6.2238216250841187E-2</v>
      </c>
      <c r="K44" s="96">
        <v>3.1043204523639109E-2</v>
      </c>
      <c r="L44" s="125">
        <v>0.30682446158538229</v>
      </c>
      <c r="M44" s="96">
        <v>5.6700914630311135E-2</v>
      </c>
      <c r="N44" s="125">
        <v>0.47387687675863438</v>
      </c>
      <c r="O44" s="96">
        <v>6.123269458817792E-2</v>
      </c>
      <c r="P44" s="125">
        <v>0.15706044540514219</v>
      </c>
      <c r="Q44" s="96">
        <v>4.5206782412011134E-2</v>
      </c>
    </row>
    <row r="45" spans="1:45">
      <c r="A45" s="44" t="s">
        <v>352</v>
      </c>
      <c r="B45" s="52">
        <v>111</v>
      </c>
      <c r="C45" s="122">
        <v>0.40112703356599544</v>
      </c>
      <c r="D45" s="93">
        <v>9.1536140535880245E-2</v>
      </c>
      <c r="E45" s="122">
        <v>0.42950735442638638</v>
      </c>
      <c r="F45" s="93">
        <v>9.2383032397645407E-2</v>
      </c>
      <c r="G45" s="122">
        <v>0.16936561200761685</v>
      </c>
      <c r="H45" s="93">
        <v>7.1785538284454997E-2</v>
      </c>
      <c r="I45" s="52">
        <v>117</v>
      </c>
      <c r="J45" s="122">
        <v>5.8862739982214182E-2</v>
      </c>
      <c r="K45" s="93">
        <v>4.7430333721109837E-2</v>
      </c>
      <c r="L45" s="122">
        <v>0.2966383210512587</v>
      </c>
      <c r="M45" s="93">
        <v>8.3583602332161722E-2</v>
      </c>
      <c r="N45" s="122">
        <v>0.50090576703930967</v>
      </c>
      <c r="O45" s="93">
        <v>9.0908951442028985E-2</v>
      </c>
      <c r="P45" s="122">
        <v>0.14359317192721641</v>
      </c>
      <c r="Q45" s="93">
        <v>6.5865818556255951E-2</v>
      </c>
    </row>
    <row r="46" spans="1:45">
      <c r="A46" s="48" t="s">
        <v>353</v>
      </c>
      <c r="B46" s="48">
        <v>104</v>
      </c>
      <c r="C46" s="125">
        <v>0.48616367715628273</v>
      </c>
      <c r="D46" s="96">
        <v>9.6190874015241401E-2</v>
      </c>
      <c r="E46" s="125">
        <v>0.37938909863885401</v>
      </c>
      <c r="F46" s="96">
        <v>9.3593013852628915E-2</v>
      </c>
      <c r="G46" s="125">
        <v>0.13444722420486188</v>
      </c>
      <c r="H46" s="96">
        <v>6.8336394458342567E-2</v>
      </c>
      <c r="I46" s="48">
        <v>112</v>
      </c>
      <c r="J46" s="125">
        <v>9.5110522216572027E-2</v>
      </c>
      <c r="K46" s="96">
        <v>5.7886773353899842E-2</v>
      </c>
      <c r="L46" s="125">
        <v>0.33713083002500777</v>
      </c>
      <c r="M46" s="96">
        <v>8.8136159670294562E-2</v>
      </c>
      <c r="N46" s="125">
        <v>0.48498870883894263</v>
      </c>
      <c r="O46" s="96">
        <v>9.2808652578060744E-2</v>
      </c>
      <c r="P46" s="125">
        <v>8.2769938919476205E-2</v>
      </c>
      <c r="Q46" s="96">
        <v>5.4997700363250558E-2</v>
      </c>
    </row>
    <row r="47" spans="1:45">
      <c r="A47" s="44" t="s">
        <v>369</v>
      </c>
      <c r="B47" s="121">
        <v>393</v>
      </c>
      <c r="C47" s="122">
        <v>0.30594866849465086</v>
      </c>
      <c r="D47" s="93">
        <v>4.6336744370812602E-2</v>
      </c>
      <c r="E47" s="122">
        <v>0.45218672342474453</v>
      </c>
      <c r="F47" s="93">
        <v>4.9963183039585031E-2</v>
      </c>
      <c r="G47" s="122">
        <v>0.24186460808060428</v>
      </c>
      <c r="H47" s="93">
        <v>4.3139058515929078E-2</v>
      </c>
      <c r="I47" s="123">
        <v>405</v>
      </c>
      <c r="J47" s="122">
        <v>3.8728447968480004E-2</v>
      </c>
      <c r="K47" s="93">
        <v>2.0114584447480377E-2</v>
      </c>
      <c r="L47" s="122">
        <v>0.30125383900722968</v>
      </c>
      <c r="M47" s="93">
        <v>4.5455456824794356E-2</v>
      </c>
      <c r="N47" s="122">
        <v>0.49953933279547075</v>
      </c>
      <c r="O47" s="93">
        <v>4.9446797065258973E-2</v>
      </c>
      <c r="P47" s="122">
        <v>0.16047838022881916</v>
      </c>
      <c r="Q47" s="93">
        <v>3.6599839715101827E-2</v>
      </c>
    </row>
    <row r="48" spans="1:45">
      <c r="A48" s="48" t="s">
        <v>354</v>
      </c>
      <c r="B48" s="124">
        <v>66</v>
      </c>
      <c r="C48" s="125">
        <v>0.20969681022826259</v>
      </c>
      <c r="D48" s="96">
        <v>0.10002297092928511</v>
      </c>
      <c r="E48" s="125">
        <v>0.47675412769066938</v>
      </c>
      <c r="F48" s="96">
        <v>0.11940797331187493</v>
      </c>
      <c r="G48" s="125">
        <v>0.31354906208106864</v>
      </c>
      <c r="H48" s="96">
        <v>0.11189167105921394</v>
      </c>
      <c r="I48" s="126">
        <v>68</v>
      </c>
      <c r="J48" s="125">
        <v>2.638843219311886E-3</v>
      </c>
      <c r="K48" s="96">
        <v>4.0382713965682E-2</v>
      </c>
      <c r="L48" s="125">
        <v>0.41455223955782172</v>
      </c>
      <c r="M48" s="96">
        <v>0.11630596694578475</v>
      </c>
      <c r="N48" s="125">
        <v>0.52654093967271032</v>
      </c>
      <c r="O48" s="96">
        <v>0.11770293903488874</v>
      </c>
      <c r="P48" s="125">
        <v>5.6267977550156799E-2</v>
      </c>
      <c r="Q48" s="96">
        <v>6.4278797943441005E-2</v>
      </c>
    </row>
    <row r="49" spans="1:17">
      <c r="A49" s="44" t="s">
        <v>355</v>
      </c>
      <c r="B49" s="82">
        <v>70</v>
      </c>
      <c r="C49" s="97">
        <v>0.40386469581212536</v>
      </c>
      <c r="D49" s="93">
        <v>0.11430876498648652</v>
      </c>
      <c r="E49" s="97">
        <v>0.38466776619635401</v>
      </c>
      <c r="F49" s="93">
        <v>0.11344664504269028</v>
      </c>
      <c r="G49" s="97">
        <v>0.21146753799152102</v>
      </c>
      <c r="H49" s="93">
        <v>9.7400227087353713E-2</v>
      </c>
      <c r="I49" s="82">
        <v>72</v>
      </c>
      <c r="J49" s="97">
        <v>5.1882429477202514E-2</v>
      </c>
      <c r="K49" s="93">
        <v>6.0598858524894113E-2</v>
      </c>
      <c r="L49" s="97">
        <v>0.38474960502596078</v>
      </c>
      <c r="M49" s="93">
        <v>0.11193953406831884</v>
      </c>
      <c r="N49" s="97">
        <v>0.41630598707678734</v>
      </c>
      <c r="O49" s="93">
        <v>0.11325640313984062</v>
      </c>
      <c r="P49" s="97">
        <v>0.14706197842004967</v>
      </c>
      <c r="Q49" s="93">
        <v>8.5286460981547726E-2</v>
      </c>
    </row>
    <row r="50" spans="1:17">
      <c r="A50" s="48" t="s">
        <v>356</v>
      </c>
      <c r="B50" s="124">
        <v>62</v>
      </c>
      <c r="C50" s="125">
        <v>0.19729889343185317</v>
      </c>
      <c r="D50" s="96">
        <v>0.10124734229305571</v>
      </c>
      <c r="E50" s="125">
        <v>0.49910117432186629</v>
      </c>
      <c r="F50" s="96">
        <v>0.12309131546815212</v>
      </c>
      <c r="G50" s="125">
        <v>0.30359993224628035</v>
      </c>
      <c r="H50" s="96">
        <v>0.11440513992668022</v>
      </c>
      <c r="I50" s="126">
        <v>63</v>
      </c>
      <c r="J50" s="125">
        <v>1.1200522576937745E-2</v>
      </c>
      <c r="K50" s="96">
        <v>4.8099292878372391E-2</v>
      </c>
      <c r="L50" s="125">
        <v>0.21309412361311711</v>
      </c>
      <c r="M50" s="96">
        <v>0.10286065925571791</v>
      </c>
      <c r="N50" s="125">
        <v>0.59792122816623827</v>
      </c>
      <c r="O50" s="96">
        <v>0.12008011265211796</v>
      </c>
      <c r="P50" s="125">
        <v>0.17778412564370677</v>
      </c>
      <c r="Q50" s="96">
        <v>9.7185362661225294E-2</v>
      </c>
    </row>
    <row r="51" spans="1:17">
      <c r="A51" s="56" t="s">
        <v>357</v>
      </c>
      <c r="B51" s="121">
        <v>48</v>
      </c>
      <c r="C51" s="122">
        <v>0.18736300516230442</v>
      </c>
      <c r="D51" s="93">
        <v>0.11324478898059094</v>
      </c>
      <c r="E51" s="122">
        <v>0.52422384770233277</v>
      </c>
      <c r="F51" s="93">
        <v>0.13853630714521187</v>
      </c>
      <c r="G51" s="122">
        <v>0.28841314713536326</v>
      </c>
      <c r="H51" s="93">
        <v>0.12765748532826166</v>
      </c>
      <c r="I51" s="123">
        <v>50</v>
      </c>
      <c r="J51" s="122">
        <v>5.3227893949636902E-2</v>
      </c>
      <c r="K51" s="93">
        <v>7.6434728838756696E-2</v>
      </c>
      <c r="L51" s="122">
        <v>0.18870753371007454</v>
      </c>
      <c r="M51" s="93">
        <v>0.11119595538405283</v>
      </c>
      <c r="N51" s="122">
        <v>0.54330478463508913</v>
      </c>
      <c r="O51" s="93">
        <v>0.1356444777818929</v>
      </c>
      <c r="P51" s="122">
        <v>0.21475978770519977</v>
      </c>
      <c r="Q51" s="93">
        <v>0.11554868050767195</v>
      </c>
    </row>
    <row r="52" spans="1:17">
      <c r="A52" s="48" t="s">
        <v>358</v>
      </c>
      <c r="B52" s="124">
        <v>93</v>
      </c>
      <c r="C52" s="125">
        <v>0.45013649379933485</v>
      </c>
      <c r="D52" s="96">
        <v>0.10106942883889568</v>
      </c>
      <c r="E52" s="125">
        <v>0.35244827903731968</v>
      </c>
      <c r="F52" s="96">
        <v>9.7385842380362131E-2</v>
      </c>
      <c r="G52" s="125">
        <v>0.19741522716334528</v>
      </c>
      <c r="H52" s="96">
        <v>8.269628929903812E-2</v>
      </c>
      <c r="I52" s="126">
        <v>93</v>
      </c>
      <c r="J52" s="125">
        <v>5.7083192382554646E-2</v>
      </c>
      <c r="K52" s="96">
        <v>5.360047375853496E-2</v>
      </c>
      <c r="L52" s="125">
        <v>0.33670646898738499</v>
      </c>
      <c r="M52" s="96">
        <v>9.642881807707418E-2</v>
      </c>
      <c r="N52" s="125">
        <v>0.47378751352582671</v>
      </c>
      <c r="O52" s="96">
        <v>0.10140627783741245</v>
      </c>
      <c r="P52" s="125">
        <v>0.13242282510423356</v>
      </c>
      <c r="Q52" s="96">
        <v>7.2025367654391173E-2</v>
      </c>
    </row>
    <row r="53" spans="1:17">
      <c r="A53" s="56" t="s">
        <v>359</v>
      </c>
      <c r="B53" s="121">
        <v>106</v>
      </c>
      <c r="C53" s="122">
        <v>0.33294451456199747</v>
      </c>
      <c r="D53" s="93">
        <v>9.0269334606627727E-2</v>
      </c>
      <c r="E53" s="122">
        <v>0.46154789944642194</v>
      </c>
      <c r="F53" s="93">
        <v>9.5084080068304058E-2</v>
      </c>
      <c r="G53" s="122">
        <v>0.2055075859915797</v>
      </c>
      <c r="H53" s="93">
        <v>7.8501156671260716E-2</v>
      </c>
      <c r="I53" s="123">
        <v>111</v>
      </c>
      <c r="J53" s="122">
        <v>6.2213414885467284E-2</v>
      </c>
      <c r="K53" s="93">
        <v>4.9849757169367494E-2</v>
      </c>
      <c r="L53" s="122">
        <v>0.2837774338963529</v>
      </c>
      <c r="M53" s="93">
        <v>8.4738691234876956E-2</v>
      </c>
      <c r="N53" s="122">
        <v>0.45369238665275896</v>
      </c>
      <c r="O53" s="93">
        <v>9.2877139210145537E-2</v>
      </c>
      <c r="P53" s="122">
        <v>0.20031676456542014</v>
      </c>
      <c r="Q53" s="93">
        <v>7.6061521688828848E-2</v>
      </c>
    </row>
    <row r="54" spans="1:17">
      <c r="A54" s="48" t="s">
        <v>371</v>
      </c>
      <c r="B54" s="124">
        <v>167</v>
      </c>
      <c r="C54" s="125">
        <v>0.37096424987139914</v>
      </c>
      <c r="D54" s="96">
        <v>7.4003259364936666E-2</v>
      </c>
      <c r="E54" s="125">
        <v>0.468990004513337</v>
      </c>
      <c r="F54" s="96">
        <v>7.6331508760161926E-2</v>
      </c>
      <c r="G54" s="125">
        <v>0.16004574561526458</v>
      </c>
      <c r="H54" s="96">
        <v>5.7180252639247538E-2</v>
      </c>
      <c r="I54" s="126">
        <v>173</v>
      </c>
      <c r="J54" s="125">
        <v>8.6610663100822424E-2</v>
      </c>
      <c r="K54" s="96">
        <v>4.4275933991373036E-2</v>
      </c>
      <c r="L54" s="125">
        <v>0.29359442587229018</v>
      </c>
      <c r="M54" s="96">
        <v>6.8774675444143507E-2</v>
      </c>
      <c r="N54" s="125">
        <v>0.4351301408299808</v>
      </c>
      <c r="O54" s="96">
        <v>7.4557822524324635E-2</v>
      </c>
      <c r="P54" s="125">
        <v>0.18466477019690736</v>
      </c>
      <c r="Q54" s="96">
        <v>5.91860432096993E-2</v>
      </c>
    </row>
    <row r="55" spans="1:17">
      <c r="A55" s="56" t="s">
        <v>360</v>
      </c>
      <c r="B55" s="121">
        <v>95</v>
      </c>
      <c r="C55" s="122">
        <v>0.34652516268024508</v>
      </c>
      <c r="D55" s="93">
        <v>9.6045111008832548E-2</v>
      </c>
      <c r="E55" s="122">
        <v>0.4923924070783034</v>
      </c>
      <c r="F55" s="93">
        <v>0.10049306862969809</v>
      </c>
      <c r="G55" s="122">
        <v>0.1610824302414515</v>
      </c>
      <c r="H55" s="93">
        <v>7.6337738388298298E-2</v>
      </c>
      <c r="I55" s="123">
        <v>98</v>
      </c>
      <c r="J55" s="122">
        <v>9.025469550399462E-2</v>
      </c>
      <c r="K55" s="93">
        <v>6.104274586169172E-2</v>
      </c>
      <c r="L55" s="122">
        <v>0.26085643710082768</v>
      </c>
      <c r="M55" s="93">
        <v>8.7941127439922079E-2</v>
      </c>
      <c r="N55" s="122">
        <v>0.47806614464873148</v>
      </c>
      <c r="O55" s="93">
        <v>9.8926770102233427E-2</v>
      </c>
      <c r="P55" s="122">
        <v>0.17082272274644608</v>
      </c>
      <c r="Q55" s="93">
        <v>7.6689933809642341E-2</v>
      </c>
    </row>
    <row r="56" spans="1:17">
      <c r="A56" s="48" t="s">
        <v>370</v>
      </c>
      <c r="B56" s="124">
        <v>281</v>
      </c>
      <c r="C56" s="125">
        <v>0.31782096142194699</v>
      </c>
      <c r="D56" s="96">
        <v>5.5280577712586043E-2</v>
      </c>
      <c r="E56" s="125">
        <v>0.39790657011113367</v>
      </c>
      <c r="F56" s="96">
        <v>5.8022071512263754E-2</v>
      </c>
      <c r="G56" s="125">
        <v>0.28427246846691867</v>
      </c>
      <c r="H56" s="96">
        <v>5.3607907899217912E-2</v>
      </c>
      <c r="I56" s="126">
        <v>283</v>
      </c>
      <c r="J56" s="125">
        <v>6.852172308364772E-2</v>
      </c>
      <c r="K56" s="96">
        <v>3.1006313411691612E-2</v>
      </c>
      <c r="L56" s="125">
        <v>0.30153502407891081</v>
      </c>
      <c r="M56" s="96">
        <v>5.4318961883170674E-2</v>
      </c>
      <c r="N56" s="125">
        <v>0.47497598652115181</v>
      </c>
      <c r="O56" s="96">
        <v>5.8956209131000074E-2</v>
      </c>
      <c r="P56" s="125">
        <v>0.15496726631628893</v>
      </c>
      <c r="Q56" s="96">
        <v>4.3255611321054467E-2</v>
      </c>
    </row>
    <row r="57" spans="1:17">
      <c r="A57" s="56" t="s">
        <v>361</v>
      </c>
      <c r="B57" s="121">
        <v>123</v>
      </c>
      <c r="C57" s="122">
        <v>0.4115811857732769</v>
      </c>
      <c r="D57" s="93">
        <v>8.7424536319870655E-2</v>
      </c>
      <c r="E57" s="122">
        <v>0.37484795726914116</v>
      </c>
      <c r="F57" s="93">
        <v>8.6088779708804269E-2</v>
      </c>
      <c r="G57" s="122">
        <v>0.21357085695758155</v>
      </c>
      <c r="H57" s="93">
        <v>7.3825702102339061E-2</v>
      </c>
      <c r="I57" s="123">
        <v>123</v>
      </c>
      <c r="J57" s="122">
        <v>7.5497417357914112E-2</v>
      </c>
      <c r="K57" s="93">
        <v>5.0499904457966621E-2</v>
      </c>
      <c r="L57" s="122">
        <v>0.33780849733800061</v>
      </c>
      <c r="M57" s="93">
        <v>8.4242786911565407E-2</v>
      </c>
      <c r="N57" s="122">
        <v>0.47219612512301334</v>
      </c>
      <c r="O57" s="93">
        <v>8.860686844852847E-2</v>
      </c>
      <c r="P57" s="122">
        <v>0.1144979601810714</v>
      </c>
      <c r="Q57" s="93">
        <v>5.9021450452998551E-2</v>
      </c>
    </row>
    <row r="58" spans="1:17">
      <c r="A58" s="48" t="s">
        <v>375</v>
      </c>
      <c r="B58" s="124">
        <v>106</v>
      </c>
      <c r="C58" s="125">
        <v>0.20519935472881229</v>
      </c>
      <c r="D58" s="96">
        <v>7.8462081244584231E-2</v>
      </c>
      <c r="E58" s="125">
        <v>0.4230249392265702</v>
      </c>
      <c r="F58" s="96">
        <v>9.4291217333715469E-2</v>
      </c>
      <c r="G58" s="125">
        <v>0.37177570604461685</v>
      </c>
      <c r="H58" s="96">
        <v>9.2389006212211439E-2</v>
      </c>
      <c r="I58" s="126">
        <v>108</v>
      </c>
      <c r="J58" s="125">
        <v>5.8356031367365363E-2</v>
      </c>
      <c r="K58" s="96">
        <v>4.9509709409124456E-2</v>
      </c>
      <c r="L58" s="125">
        <v>0.27200382181777538</v>
      </c>
      <c r="M58" s="96">
        <v>8.4866377578193722E-2</v>
      </c>
      <c r="N58" s="125">
        <v>0.48166514051513465</v>
      </c>
      <c r="O58" s="96">
        <v>9.443202696665641E-2</v>
      </c>
      <c r="P58" s="125">
        <v>0.18797500629972433</v>
      </c>
      <c r="Q58" s="96">
        <v>7.5467702896666031E-2</v>
      </c>
    </row>
    <row r="59" spans="1:17">
      <c r="A59" s="56" t="s">
        <v>358</v>
      </c>
      <c r="B59" s="121">
        <v>93</v>
      </c>
      <c r="C59" s="122">
        <v>0.45013649379933485</v>
      </c>
      <c r="D59" s="93">
        <v>0.10106942883889568</v>
      </c>
      <c r="E59" s="122">
        <v>0.35244827903731968</v>
      </c>
      <c r="F59" s="93">
        <v>9.7385842380362131E-2</v>
      </c>
      <c r="G59" s="122">
        <v>0.19741522716334528</v>
      </c>
      <c r="H59" s="93">
        <v>8.269628929903812E-2</v>
      </c>
      <c r="I59" s="123">
        <v>93</v>
      </c>
      <c r="J59" s="122">
        <v>5.7083192382554646E-2</v>
      </c>
      <c r="K59" s="93">
        <v>5.360047375853496E-2</v>
      </c>
      <c r="L59" s="122">
        <v>0.33670646898738499</v>
      </c>
      <c r="M59" s="93">
        <v>9.642881807707418E-2</v>
      </c>
      <c r="N59" s="122">
        <v>0.47378751352582671</v>
      </c>
      <c r="O59" s="93">
        <v>0.10140627783741245</v>
      </c>
      <c r="P59" s="122">
        <v>0.13242282510423356</v>
      </c>
      <c r="Q59" s="93">
        <v>7.2025367654391173E-2</v>
      </c>
    </row>
    <row r="61" spans="1:17" ht="18.75">
      <c r="A61" s="340" t="s">
        <v>35</v>
      </c>
      <c r="B61" s="340"/>
      <c r="C61" s="340"/>
      <c r="D61" s="340"/>
      <c r="E61" s="340"/>
      <c r="F61" s="340"/>
      <c r="G61" s="340"/>
      <c r="H61" s="340"/>
      <c r="I61" s="340"/>
      <c r="J61" s="340"/>
      <c r="K61" s="340"/>
      <c r="L61" s="340"/>
      <c r="M61" s="340"/>
      <c r="N61" s="340"/>
      <c r="O61" s="340"/>
      <c r="P61" s="340"/>
    </row>
    <row r="62" spans="1:17" ht="81.75" customHeight="1">
      <c r="A62" s="373" t="s">
        <v>591</v>
      </c>
      <c r="B62" s="373"/>
      <c r="C62" s="373"/>
      <c r="D62" s="373"/>
      <c r="E62" s="373"/>
      <c r="F62" s="373"/>
      <c r="G62" s="373"/>
      <c r="H62" s="373"/>
      <c r="I62" s="373"/>
      <c r="J62" s="373"/>
      <c r="K62" s="373"/>
      <c r="L62" s="373"/>
      <c r="M62" s="373"/>
      <c r="N62" s="373"/>
      <c r="O62" s="373"/>
      <c r="P62" s="373"/>
    </row>
    <row r="63" spans="1:17" ht="42" customHeight="1">
      <c r="A63" s="108"/>
      <c r="B63" s="383" t="s">
        <v>329</v>
      </c>
      <c r="C63" s="384"/>
      <c r="D63" s="384"/>
      <c r="E63" s="384"/>
      <c r="F63" s="384"/>
      <c r="G63" s="384"/>
      <c r="H63" s="384"/>
      <c r="I63" s="383" t="s">
        <v>497</v>
      </c>
      <c r="J63" s="384"/>
      <c r="K63" s="383" t="s">
        <v>501</v>
      </c>
      <c r="L63" s="384"/>
      <c r="M63" s="383" t="s">
        <v>502</v>
      </c>
      <c r="N63" s="384"/>
      <c r="O63" s="383" t="s">
        <v>503</v>
      </c>
      <c r="P63" s="384"/>
    </row>
    <row r="64" spans="1:17" ht="39" customHeight="1">
      <c r="A64" s="36" t="s">
        <v>70</v>
      </c>
      <c r="B64" s="37" t="s">
        <v>71</v>
      </c>
      <c r="C64" s="37" t="s">
        <v>194</v>
      </c>
      <c r="D64" s="88" t="s">
        <v>112</v>
      </c>
      <c r="E64" s="37" t="s">
        <v>195</v>
      </c>
      <c r="F64" s="88" t="s">
        <v>278</v>
      </c>
      <c r="G64" s="37" t="s">
        <v>196</v>
      </c>
      <c r="H64" s="88" t="s">
        <v>279</v>
      </c>
      <c r="I64" s="64" t="s">
        <v>498</v>
      </c>
      <c r="J64" s="87" t="s">
        <v>500</v>
      </c>
      <c r="K64" s="64" t="s">
        <v>504</v>
      </c>
      <c r="L64" s="87" t="s">
        <v>505</v>
      </c>
      <c r="M64" s="64" t="s">
        <v>506</v>
      </c>
      <c r="N64" s="87" t="s">
        <v>507</v>
      </c>
      <c r="O64" s="64" t="s">
        <v>508</v>
      </c>
      <c r="P64" s="87" t="s">
        <v>509</v>
      </c>
    </row>
    <row r="65" spans="1:16" ht="60">
      <c r="A65" s="40"/>
      <c r="B65" s="41" t="s">
        <v>73</v>
      </c>
      <c r="C65" s="127" t="s">
        <v>178</v>
      </c>
      <c r="D65" s="90" t="s">
        <v>87</v>
      </c>
      <c r="E65" s="41" t="s">
        <v>191</v>
      </c>
      <c r="F65" s="90" t="s">
        <v>87</v>
      </c>
      <c r="G65" s="41" t="s">
        <v>192</v>
      </c>
      <c r="H65" s="90" t="s">
        <v>87</v>
      </c>
      <c r="I65" s="261" t="s">
        <v>499</v>
      </c>
      <c r="J65" s="89" t="s">
        <v>87</v>
      </c>
      <c r="K65" s="261" t="s">
        <v>499</v>
      </c>
      <c r="L65" s="89" t="s">
        <v>87</v>
      </c>
      <c r="M65" s="261" t="s">
        <v>499</v>
      </c>
      <c r="N65" s="89" t="s">
        <v>87</v>
      </c>
      <c r="O65" s="261" t="s">
        <v>499</v>
      </c>
      <c r="P65" s="89" t="s">
        <v>87</v>
      </c>
    </row>
    <row r="66" spans="1:16">
      <c r="A66" s="44" t="s">
        <v>349</v>
      </c>
      <c r="B66" s="128">
        <v>13199</v>
      </c>
      <c r="C66" s="122">
        <v>0.55799105640207791</v>
      </c>
      <c r="D66" s="93">
        <v>8.6441963919450977E-3</v>
      </c>
      <c r="E66" s="122">
        <v>0.22309973786757872</v>
      </c>
      <c r="F66" s="93">
        <v>7.2474301034588561E-3</v>
      </c>
      <c r="G66" s="122">
        <v>0.21890920573036099</v>
      </c>
      <c r="H66" s="93">
        <v>7.1984209206485752E-3</v>
      </c>
      <c r="I66" s="122">
        <v>0.32120433631265499</v>
      </c>
      <c r="J66" s="93">
        <v>8.1278036075746619E-3</v>
      </c>
      <c r="K66" s="122">
        <v>0.21223748272553189</v>
      </c>
      <c r="L66" s="93">
        <v>7.1181564636737622E-3</v>
      </c>
      <c r="M66" s="122">
        <v>0.10145863403891138</v>
      </c>
      <c r="N66" s="93">
        <v>5.2581904512326106E-3</v>
      </c>
      <c r="O66" s="122">
        <v>0.16916473945225585</v>
      </c>
      <c r="P66" s="93">
        <v>6.5269230126620489E-3</v>
      </c>
    </row>
    <row r="67" spans="1:16">
      <c r="A67" s="48" t="s">
        <v>350</v>
      </c>
      <c r="B67" s="48">
        <v>9769</v>
      </c>
      <c r="C67" s="125">
        <v>0.54151838350650428</v>
      </c>
      <c r="D67" s="96">
        <v>1.0080564338579633E-2</v>
      </c>
      <c r="E67" s="125">
        <v>0.21875773141156241</v>
      </c>
      <c r="F67" s="96">
        <v>8.3651330531702914E-3</v>
      </c>
      <c r="G67" s="125">
        <v>0.23972388508193027</v>
      </c>
      <c r="H67" s="96">
        <v>8.6382032719531099E-3</v>
      </c>
      <c r="I67" s="125">
        <v>0.36438203000617198</v>
      </c>
      <c r="J67" s="96">
        <v>9.7365862976547066E-3</v>
      </c>
      <c r="K67" s="125">
        <v>0.22675958426593701</v>
      </c>
      <c r="L67" s="96">
        <v>8.4728946069798604E-3</v>
      </c>
      <c r="M67" s="125">
        <v>9.8407585542624215E-2</v>
      </c>
      <c r="N67" s="96">
        <v>6.0305685919661072E-3</v>
      </c>
      <c r="O67" s="125">
        <v>0.17180607948003523</v>
      </c>
      <c r="P67" s="96">
        <v>7.6337128090536496E-3</v>
      </c>
    </row>
    <row r="68" spans="1:16">
      <c r="A68" s="44" t="s">
        <v>351</v>
      </c>
      <c r="B68" s="52">
        <v>3430</v>
      </c>
      <c r="C68" s="122">
        <v>0.57186925443077541</v>
      </c>
      <c r="D68" s="93">
        <v>1.6887956384368057E-2</v>
      </c>
      <c r="E68" s="122">
        <v>0.22675787069279807</v>
      </c>
      <c r="F68" s="93">
        <v>1.4298285518350605E-2</v>
      </c>
      <c r="G68" s="122">
        <v>0.20137287487642549</v>
      </c>
      <c r="H68" s="93">
        <v>1.3695646425436804E-2</v>
      </c>
      <c r="I68" s="122">
        <v>0.28482720509049392</v>
      </c>
      <c r="J68" s="93">
        <v>1.5407811651176322E-2</v>
      </c>
      <c r="K68" s="122">
        <v>0.20000263764309573</v>
      </c>
      <c r="L68" s="93">
        <v>1.3660801632079013E-2</v>
      </c>
      <c r="M68" s="122">
        <v>0.10402913704683589</v>
      </c>
      <c r="N68" s="93">
        <v>1.0440062991898674E-2</v>
      </c>
      <c r="O68" s="122">
        <v>0.16693941511059252</v>
      </c>
      <c r="P68" s="93">
        <v>1.2739444441949587E-2</v>
      </c>
    </row>
    <row r="69" spans="1:16">
      <c r="A69" s="48" t="s">
        <v>558</v>
      </c>
      <c r="B69" s="48">
        <v>314</v>
      </c>
      <c r="C69" s="125">
        <v>0.48489775265142404</v>
      </c>
      <c r="D69" s="96">
        <v>5.6052269389630649E-2</v>
      </c>
      <c r="E69" s="125">
        <v>0.274972678106777</v>
      </c>
      <c r="F69" s="96">
        <v>5.0235744461472005E-2</v>
      </c>
      <c r="G69" s="125">
        <v>0.24012956924179946</v>
      </c>
      <c r="H69" s="96">
        <v>4.8129229662055295E-2</v>
      </c>
      <c r="I69" s="125">
        <v>0.40356502288469431</v>
      </c>
      <c r="J69" s="96">
        <v>5.5050894532597379E-2</v>
      </c>
      <c r="K69" s="125">
        <v>0.21403565958054224</v>
      </c>
      <c r="L69" s="96">
        <v>4.6278987888889726E-2</v>
      </c>
      <c r="M69" s="125">
        <v>0.10837690692542142</v>
      </c>
      <c r="N69" s="96">
        <v>3.5548782583598441E-2</v>
      </c>
      <c r="O69" s="125">
        <v>0.20896046219881323</v>
      </c>
      <c r="P69" s="96">
        <v>4.588932597939574E-2</v>
      </c>
    </row>
    <row r="70" spans="1:16">
      <c r="A70" s="44" t="s">
        <v>559</v>
      </c>
      <c r="B70" s="52">
        <v>3424</v>
      </c>
      <c r="C70" s="122">
        <v>0.58260165499943062</v>
      </c>
      <c r="D70" s="93">
        <v>1.6845543104373646E-2</v>
      </c>
      <c r="E70" s="122">
        <v>0.21744422078311987</v>
      </c>
      <c r="F70" s="93">
        <v>1.4098687100350525E-2</v>
      </c>
      <c r="G70" s="122">
        <v>0.19995412421745892</v>
      </c>
      <c r="H70" s="93">
        <v>1.3671527922056986E-2</v>
      </c>
      <c r="I70" s="122">
        <v>0.30741968396682884</v>
      </c>
      <c r="J70" s="93">
        <v>1.5765171520960786E-2</v>
      </c>
      <c r="K70" s="122">
        <v>0.19117040224564005</v>
      </c>
      <c r="L70" s="93">
        <v>1.34418984000171E-2</v>
      </c>
      <c r="M70" s="122">
        <v>9.5741405593158302E-2</v>
      </c>
      <c r="N70" s="93">
        <v>1.0073021313016947E-2</v>
      </c>
      <c r="O70" s="122">
        <v>0.14417078188065166</v>
      </c>
      <c r="P70" s="93">
        <v>1.2013259791044803E-2</v>
      </c>
    </row>
    <row r="71" spans="1:16">
      <c r="A71" s="48" t="s">
        <v>560</v>
      </c>
      <c r="B71" s="48">
        <v>2837</v>
      </c>
      <c r="C71" s="125">
        <v>0.52712992474871367</v>
      </c>
      <c r="D71" s="96">
        <v>1.8733802374103846E-2</v>
      </c>
      <c r="E71" s="125">
        <v>0.21462636115151501</v>
      </c>
      <c r="F71" s="96">
        <v>1.5415907033164289E-2</v>
      </c>
      <c r="G71" s="125">
        <v>0.25824371409976693</v>
      </c>
      <c r="H71" s="96">
        <v>1.6429571356489751E-2</v>
      </c>
      <c r="I71" s="125">
        <v>0.40243779748867814</v>
      </c>
      <c r="J71" s="96">
        <v>1.8401766006581714E-2</v>
      </c>
      <c r="K71" s="125">
        <v>0.22783079658043345</v>
      </c>
      <c r="L71" s="96">
        <v>1.5747585230004749E-2</v>
      </c>
      <c r="M71" s="125">
        <v>0.10071970894035109</v>
      </c>
      <c r="N71" s="96">
        <v>1.1320666599181014E-2</v>
      </c>
      <c r="O71" s="125">
        <v>0.17204331723530847</v>
      </c>
      <c r="P71" s="96">
        <v>1.4176792307699214E-2</v>
      </c>
    </row>
    <row r="72" spans="1:16">
      <c r="A72" s="44" t="s">
        <v>368</v>
      </c>
      <c r="B72" s="52">
        <v>151</v>
      </c>
      <c r="C72" s="122">
        <v>0.48978054032650881</v>
      </c>
      <c r="D72" s="93">
        <v>8.0306008839041418E-2</v>
      </c>
      <c r="E72" s="122">
        <v>0.23153172259376759</v>
      </c>
      <c r="F72" s="93">
        <v>6.8457058832472925E-2</v>
      </c>
      <c r="G72" s="122">
        <v>0.27868773707972339</v>
      </c>
      <c r="H72" s="93">
        <v>7.2470900585394668E-2</v>
      </c>
      <c r="I72" s="122">
        <v>0.41249867172957771</v>
      </c>
      <c r="J72" s="93">
        <v>7.9146021329861635E-2</v>
      </c>
      <c r="K72" s="122">
        <v>0.27001802469915537</v>
      </c>
      <c r="L72" s="93">
        <v>7.1806722885133192E-2</v>
      </c>
      <c r="M72" s="122">
        <v>0.13571156630126965</v>
      </c>
      <c r="N72" s="93">
        <v>5.6581064565205078E-2</v>
      </c>
      <c r="O72" s="122">
        <v>0.16054709661590394</v>
      </c>
      <c r="P72" s="93">
        <v>6.0245145050044836E-2</v>
      </c>
    </row>
    <row r="73" spans="1:16">
      <c r="A73" s="48" t="s">
        <v>150</v>
      </c>
      <c r="B73" s="48">
        <v>260</v>
      </c>
      <c r="C73" s="125">
        <v>0.58883811338908354</v>
      </c>
      <c r="D73" s="96">
        <v>6.0596171458455673E-2</v>
      </c>
      <c r="E73" s="125">
        <v>0.22653354968889283</v>
      </c>
      <c r="F73" s="96">
        <v>5.185427005361206E-2</v>
      </c>
      <c r="G73" s="125">
        <v>0.18462833692202302</v>
      </c>
      <c r="H73" s="96">
        <v>4.8231103878898708E-2</v>
      </c>
      <c r="I73" s="125">
        <v>0.32499414641487723</v>
      </c>
      <c r="J73" s="96">
        <v>5.7773593186070775E-2</v>
      </c>
      <c r="K73" s="125">
        <v>0.17551514933565732</v>
      </c>
      <c r="L73" s="96">
        <v>4.7334404982313859E-2</v>
      </c>
      <c r="M73" s="125">
        <v>8.765304920187432E-2</v>
      </c>
      <c r="N73" s="96">
        <v>3.5904626005756675E-2</v>
      </c>
      <c r="O73" s="125">
        <v>0.14955905974381603</v>
      </c>
      <c r="P73" s="96">
        <v>4.453198284468142E-2</v>
      </c>
    </row>
    <row r="74" spans="1:16">
      <c r="A74" s="44" t="s">
        <v>352</v>
      </c>
      <c r="B74" s="52">
        <v>116</v>
      </c>
      <c r="C74" s="122">
        <v>0.66739399056886695</v>
      </c>
      <c r="D74" s="93">
        <v>8.6374411262596179E-2</v>
      </c>
      <c r="E74" s="122">
        <v>0.16448273372301492</v>
      </c>
      <c r="F74" s="93">
        <v>6.9476104591660315E-2</v>
      </c>
      <c r="G74" s="122">
        <v>0.1681232757081175</v>
      </c>
      <c r="H74" s="93">
        <v>7.0018633322491447E-2</v>
      </c>
      <c r="I74" s="122">
        <v>0.27775628383952972</v>
      </c>
      <c r="J74" s="93">
        <v>8.2430914161712596E-2</v>
      </c>
      <c r="K74" s="122">
        <v>0.15567705154149478</v>
      </c>
      <c r="L74" s="93">
        <v>6.8120937045171998E-2</v>
      </c>
      <c r="M74" s="122">
        <v>6.1692090554204979E-2</v>
      </c>
      <c r="N74" s="93">
        <v>4.8470026801990362E-2</v>
      </c>
      <c r="O74" s="122">
        <v>0.12033793511819345</v>
      </c>
      <c r="P74" s="93">
        <v>6.1996265887498875E-2</v>
      </c>
    </row>
    <row r="75" spans="1:16">
      <c r="A75" s="48" t="s">
        <v>353</v>
      </c>
      <c r="B75" s="48">
        <v>112</v>
      </c>
      <c r="C75" s="125">
        <v>0.476499261013412</v>
      </c>
      <c r="D75" s="96">
        <v>9.2752014044368489E-2</v>
      </c>
      <c r="E75" s="125">
        <v>0.28001788273741252</v>
      </c>
      <c r="F75" s="96">
        <v>8.4054111330076009E-2</v>
      </c>
      <c r="G75" s="125">
        <v>0.24348285624917387</v>
      </c>
      <c r="H75" s="96">
        <v>8.0656512368303221E-2</v>
      </c>
      <c r="I75" s="125">
        <v>0.40545845102854239</v>
      </c>
      <c r="J75" s="96">
        <v>9.1287285923781408E-2</v>
      </c>
      <c r="K75" s="125">
        <v>0.23278214717498116</v>
      </c>
      <c r="L75" s="96">
        <v>7.9531868006385828E-2</v>
      </c>
      <c r="M75" s="125">
        <v>0.14023645708021426</v>
      </c>
      <c r="N75" s="96">
        <v>6.6783873458627172E-2</v>
      </c>
      <c r="O75" s="125">
        <v>0.18021231543447536</v>
      </c>
      <c r="P75" s="96">
        <v>7.3029738727356505E-2</v>
      </c>
    </row>
    <row r="76" spans="1:16">
      <c r="A76" s="44" t="s">
        <v>369</v>
      </c>
      <c r="B76" s="128">
        <v>403</v>
      </c>
      <c r="C76" s="122">
        <v>0.61544390628541112</v>
      </c>
      <c r="D76" s="93">
        <v>4.8255399443614753E-2</v>
      </c>
      <c r="E76" s="122">
        <v>0.15686040322302336</v>
      </c>
      <c r="F76" s="93">
        <v>3.6365363809436085E-2</v>
      </c>
      <c r="G76" s="122">
        <v>0.22769569049156513</v>
      </c>
      <c r="H76" s="93">
        <v>4.1743417453757585E-2</v>
      </c>
      <c r="I76" s="122">
        <v>0.34106013379576638</v>
      </c>
      <c r="J76" s="93">
        <v>4.7048746420892754E-2</v>
      </c>
      <c r="K76" s="122">
        <v>0.20192300955132048</v>
      </c>
      <c r="L76" s="93">
        <v>4.0010804560666358E-2</v>
      </c>
      <c r="M76" s="122">
        <v>4.5660434100469167E-2</v>
      </c>
      <c r="N76" s="93">
        <v>2.1631968162535178E-2</v>
      </c>
      <c r="O76" s="122">
        <v>0.13341782346006106</v>
      </c>
      <c r="P76" s="93">
        <v>3.4089916192332384E-2</v>
      </c>
    </row>
    <row r="77" spans="1:16">
      <c r="A77" s="48" t="s">
        <v>354</v>
      </c>
      <c r="B77" s="130">
        <v>68</v>
      </c>
      <c r="C77" s="125">
        <v>0.44734053262125362</v>
      </c>
      <c r="D77" s="96">
        <v>0.11726667971183896</v>
      </c>
      <c r="E77" s="125">
        <v>0.28352020629409552</v>
      </c>
      <c r="F77" s="96">
        <v>0.10754815824588931</v>
      </c>
      <c r="G77" s="125">
        <v>0.26913926108465158</v>
      </c>
      <c r="H77" s="96">
        <v>0.10605571824866404</v>
      </c>
      <c r="I77" s="125">
        <v>0.52087664926466282</v>
      </c>
      <c r="J77" s="96">
        <v>0.11775946444651809</v>
      </c>
      <c r="K77" s="125">
        <v>0.24779799619008558</v>
      </c>
      <c r="L77" s="96">
        <v>0.10361926881818526</v>
      </c>
      <c r="M77" s="125">
        <v>2.638843219311886E-3</v>
      </c>
      <c r="N77" s="96">
        <v>4.0382713965682E-2</v>
      </c>
      <c r="O77" s="125">
        <v>0.13070373650395972</v>
      </c>
      <c r="P77" s="96">
        <v>8.4443488017358695E-2</v>
      </c>
    </row>
    <row r="78" spans="1:16">
      <c r="A78" s="44" t="s">
        <v>355</v>
      </c>
      <c r="B78" s="82">
        <v>71</v>
      </c>
      <c r="C78" s="97">
        <v>0.57414625089624283</v>
      </c>
      <c r="D78" s="93">
        <v>0.1143265763056876</v>
      </c>
      <c r="E78" s="97">
        <v>0.14446700346695118</v>
      </c>
      <c r="F78" s="93">
        <v>8.5391585101155479E-2</v>
      </c>
      <c r="G78" s="97">
        <v>0.28138674563680627</v>
      </c>
      <c r="H78" s="93">
        <v>0.10511456384294772</v>
      </c>
      <c r="I78" s="97">
        <v>0.39339673276050852</v>
      </c>
      <c r="J78" s="93">
        <v>0.11309361450563371</v>
      </c>
      <c r="K78" s="97">
        <v>0.24676390776061435</v>
      </c>
      <c r="L78" s="93">
        <v>0.10133231057643899</v>
      </c>
      <c r="M78" s="97">
        <v>5.5573180363069408E-2</v>
      </c>
      <c r="N78" s="93">
        <v>6.2392849491046953E-2</v>
      </c>
      <c r="O78" s="97">
        <v>0.16642641981018474</v>
      </c>
      <c r="P78" s="93">
        <v>8.9526488803447601E-2</v>
      </c>
    </row>
    <row r="79" spans="1:16">
      <c r="A79" s="48" t="s">
        <v>356</v>
      </c>
      <c r="B79" s="130">
        <v>64</v>
      </c>
      <c r="C79" s="125">
        <v>0.67069793884632778</v>
      </c>
      <c r="D79" s="96">
        <v>0.114837318628286</v>
      </c>
      <c r="E79" s="125">
        <v>0.1637617493545255</v>
      </c>
      <c r="F79" s="96">
        <v>9.3887719506422287E-2</v>
      </c>
      <c r="G79" s="125">
        <v>0.16554031179914666</v>
      </c>
      <c r="H79" s="96">
        <v>9.4218155183182342E-2</v>
      </c>
      <c r="I79" s="125">
        <v>0.28772988596531873</v>
      </c>
      <c r="J79" s="96">
        <v>0.11116667361683157</v>
      </c>
      <c r="K79" s="125">
        <v>0.20711248698750004</v>
      </c>
      <c r="L79" s="96">
        <v>0.10117317892032826</v>
      </c>
      <c r="M79" s="125">
        <v>0</v>
      </c>
      <c r="N79" s="96">
        <v>4.097826741289623E-2</v>
      </c>
      <c r="O79" s="125">
        <v>5.2032912500714061E-2</v>
      </c>
      <c r="P79" s="96">
        <v>6.5187457789473519E-2</v>
      </c>
    </row>
    <row r="80" spans="1:16">
      <c r="A80" s="56" t="s">
        <v>357</v>
      </c>
      <c r="B80" s="128">
        <v>50</v>
      </c>
      <c r="C80" s="122">
        <v>0.74896143462603759</v>
      </c>
      <c r="D80" s="93">
        <v>0.12075705644477341</v>
      </c>
      <c r="E80" s="122">
        <v>0.11189011592998316</v>
      </c>
      <c r="F80" s="93">
        <v>9.4618011350306799E-2</v>
      </c>
      <c r="G80" s="122">
        <v>0.13914844944397933</v>
      </c>
      <c r="H80" s="93">
        <v>0.101237754159595</v>
      </c>
      <c r="I80" s="122">
        <v>0.18778704618134234</v>
      </c>
      <c r="J80" s="93">
        <v>0.11103194237948827</v>
      </c>
      <c r="K80" s="122">
        <v>0.11044407315818285</v>
      </c>
      <c r="L80" s="93">
        <v>9.4239866875240816E-2</v>
      </c>
      <c r="M80" s="122">
        <v>1.9682846913713897E-2</v>
      </c>
      <c r="N80" s="93">
        <v>6.2187302633600255E-2</v>
      </c>
      <c r="O80" s="122">
        <v>9.1955895478416649E-2</v>
      </c>
      <c r="P80" s="93">
        <v>8.9132898666970342E-2</v>
      </c>
    </row>
    <row r="81" spans="1:16">
      <c r="A81" s="48" t="s">
        <v>358</v>
      </c>
      <c r="B81" s="130">
        <v>93</v>
      </c>
      <c r="C81" s="125">
        <v>0.42226935374483526</v>
      </c>
      <c r="D81" s="96">
        <v>0.10040043245556554</v>
      </c>
      <c r="E81" s="125">
        <v>0.32274017348593254</v>
      </c>
      <c r="F81" s="96">
        <v>9.5489395732832688E-2</v>
      </c>
      <c r="G81" s="125">
        <v>0.25499047276923209</v>
      </c>
      <c r="H81" s="96">
        <v>8.9631353045610859E-2</v>
      </c>
      <c r="I81" s="125">
        <v>0.50963251537264165</v>
      </c>
      <c r="J81" s="96">
        <v>0.10151729511201359</v>
      </c>
      <c r="K81" s="125">
        <v>0.2221403240338507</v>
      </c>
      <c r="L81" s="96">
        <v>8.5922577670261527E-2</v>
      </c>
      <c r="M81" s="125">
        <v>1.6089592029075787E-2</v>
      </c>
      <c r="N81" s="96">
        <v>3.7852368053354742E-2</v>
      </c>
      <c r="O81" s="125">
        <v>0.16829132073579728</v>
      </c>
      <c r="P81" s="96">
        <v>7.8348136023962955E-2</v>
      </c>
    </row>
    <row r="82" spans="1:16">
      <c r="A82" s="56" t="s">
        <v>359</v>
      </c>
      <c r="B82" s="128">
        <v>109</v>
      </c>
      <c r="C82" s="122">
        <v>0.62953691936812095</v>
      </c>
      <c r="D82" s="93">
        <v>9.1087259967892173E-2</v>
      </c>
      <c r="E82" s="122">
        <v>0.1401830895878185</v>
      </c>
      <c r="F82" s="93">
        <v>6.7715033749342984E-2</v>
      </c>
      <c r="G82" s="122">
        <v>0.23027999104406022</v>
      </c>
      <c r="H82" s="93">
        <v>8.0333447405133193E-2</v>
      </c>
      <c r="I82" s="122">
        <v>0.31602094286285598</v>
      </c>
      <c r="J82" s="93">
        <v>8.7947215224898415E-2</v>
      </c>
      <c r="K82" s="122">
        <v>0.18045831351823846</v>
      </c>
      <c r="L82" s="93">
        <v>7.4070995232143125E-2</v>
      </c>
      <c r="M82" s="122">
        <v>0.10790855718616232</v>
      </c>
      <c r="N82" s="93">
        <v>6.1530798860162245E-2</v>
      </c>
      <c r="O82" s="122">
        <v>0.16779409714642896</v>
      </c>
      <c r="P82" s="93">
        <v>7.2212592614025101E-2</v>
      </c>
    </row>
    <row r="83" spans="1:16">
      <c r="A83" s="48" t="s">
        <v>371</v>
      </c>
      <c r="B83" s="130">
        <v>172</v>
      </c>
      <c r="C83" s="125">
        <v>0.64595916688963417</v>
      </c>
      <c r="D83" s="96">
        <v>7.2245365473898759E-2</v>
      </c>
      <c r="E83" s="125">
        <v>0.10325335661184092</v>
      </c>
      <c r="F83" s="96">
        <v>4.7593377052872123E-2</v>
      </c>
      <c r="G83" s="125">
        <v>0.25078747649852512</v>
      </c>
      <c r="H83" s="96">
        <v>6.583106447809832E-2</v>
      </c>
      <c r="I83" s="125">
        <v>0.29024289221746441</v>
      </c>
      <c r="J83" s="96">
        <v>6.875171742898499E-2</v>
      </c>
      <c r="K83" s="125">
        <v>0.22003624229140606</v>
      </c>
      <c r="L83" s="96">
        <v>6.309129800189836E-2</v>
      </c>
      <c r="M83" s="125">
        <v>8.4979136917089818E-2</v>
      </c>
      <c r="N83" s="96">
        <v>4.4080997577029948E-2</v>
      </c>
      <c r="O83" s="125">
        <v>0.18000866173517782</v>
      </c>
      <c r="P83" s="96">
        <v>5.8815378944520991E-2</v>
      </c>
    </row>
    <row r="84" spans="1:16">
      <c r="A84" s="56" t="s">
        <v>360</v>
      </c>
      <c r="B84" s="128">
        <v>98</v>
      </c>
      <c r="C84" s="122">
        <v>0.6353844638077133</v>
      </c>
      <c r="D84" s="93">
        <v>9.560548518924776E-2</v>
      </c>
      <c r="E84" s="122">
        <v>0.14054398940741136</v>
      </c>
      <c r="F84" s="93">
        <v>7.159983570656682E-2</v>
      </c>
      <c r="G84" s="122">
        <v>0.22407154678487534</v>
      </c>
      <c r="H84" s="93">
        <v>8.3950940792294315E-2</v>
      </c>
      <c r="I84" s="122">
        <v>0.29257446026932499</v>
      </c>
      <c r="J84" s="93">
        <v>9.0809651312611206E-2</v>
      </c>
      <c r="K84" s="122">
        <v>0.19582017690148093</v>
      </c>
      <c r="L84" s="93">
        <v>8.033977712038573E-2</v>
      </c>
      <c r="M84" s="122">
        <v>7.820694715540473E-2</v>
      </c>
      <c r="N84" s="93">
        <v>5.7996178333756636E-2</v>
      </c>
      <c r="O84" s="122">
        <v>0.17053086978288884</v>
      </c>
      <c r="P84" s="93">
        <v>7.6644551329832042E-2</v>
      </c>
    </row>
    <row r="85" spans="1:16">
      <c r="A85" s="48" t="s">
        <v>370</v>
      </c>
      <c r="B85" s="130">
        <v>283</v>
      </c>
      <c r="C85" s="125">
        <v>0.50361373535963705</v>
      </c>
      <c r="D85" s="96">
        <v>5.902663455936661E-2</v>
      </c>
      <c r="E85" s="125">
        <v>0.28169257913445095</v>
      </c>
      <c r="F85" s="96">
        <v>5.3277403296956627E-2</v>
      </c>
      <c r="G85" s="125">
        <v>0.21469368550591095</v>
      </c>
      <c r="H85" s="96">
        <v>4.8797880257216535E-2</v>
      </c>
      <c r="I85" s="125">
        <v>0.38599819059758467</v>
      </c>
      <c r="J85" s="96">
        <v>5.7516951873805844E-2</v>
      </c>
      <c r="K85" s="125">
        <v>0.19934361554938793</v>
      </c>
      <c r="L85" s="96">
        <v>4.7532549679206608E-2</v>
      </c>
      <c r="M85" s="125">
        <v>4.9874192686043373E-2</v>
      </c>
      <c r="N85" s="96">
        <v>2.7177351785334255E-2</v>
      </c>
      <c r="O85" s="125">
        <v>0.14326488671882326</v>
      </c>
      <c r="P85" s="96">
        <v>4.1949472579195651E-2</v>
      </c>
    </row>
    <row r="86" spans="1:16">
      <c r="A86" s="56" t="s">
        <v>361</v>
      </c>
      <c r="B86" s="128">
        <v>122</v>
      </c>
      <c r="C86" s="122">
        <v>0.44090708641994281</v>
      </c>
      <c r="D86" s="93">
        <v>8.8501855572620192E-2</v>
      </c>
      <c r="E86" s="122">
        <v>0.35634272182639698</v>
      </c>
      <c r="F86" s="93">
        <v>8.5570373859598259E-2</v>
      </c>
      <c r="G86" s="122">
        <v>0.2027501917536598</v>
      </c>
      <c r="H86" s="93">
        <v>7.2847634132838041E-2</v>
      </c>
      <c r="I86" s="122">
        <v>0.40857457661945129</v>
      </c>
      <c r="J86" s="93">
        <v>8.7679733471034249E-2</v>
      </c>
      <c r="K86" s="93">
        <v>0.18076869612133631</v>
      </c>
      <c r="L86" s="93">
        <v>7.0024725554004005E-2</v>
      </c>
      <c r="M86" s="93">
        <v>6.9524451494052592E-2</v>
      </c>
      <c r="N86" s="93">
        <v>4.920630651721361E-2</v>
      </c>
      <c r="O86" s="93">
        <v>0.12498544598640735</v>
      </c>
      <c r="P86" s="93">
        <v>6.1244141776544858E-2</v>
      </c>
    </row>
    <row r="87" spans="1:16">
      <c r="A87" s="48" t="s">
        <v>375</v>
      </c>
      <c r="B87" s="130">
        <v>109</v>
      </c>
      <c r="C87" s="125">
        <v>0.60053447634420698</v>
      </c>
      <c r="D87" s="96">
        <v>9.2285763780072472E-2</v>
      </c>
      <c r="E87" s="125">
        <v>0.17017844221781864</v>
      </c>
      <c r="F87" s="96">
        <v>7.2571681015464712E-2</v>
      </c>
      <c r="G87" s="125">
        <v>0.22928708143797422</v>
      </c>
      <c r="H87" s="96">
        <v>8.022336943266821E-2</v>
      </c>
      <c r="I87" s="125">
        <v>0.32206356892632504</v>
      </c>
      <c r="J87" s="96">
        <v>8.8355770552556806E-2</v>
      </c>
      <c r="K87" s="96">
        <v>0.22085425299360886</v>
      </c>
      <c r="L87" s="96">
        <v>7.9265798835004855E-2</v>
      </c>
      <c r="M87" s="96">
        <v>4.0716395825303085E-2</v>
      </c>
      <c r="N87" s="96">
        <v>4.3610569673524766E-2</v>
      </c>
      <c r="O87" s="96">
        <v>0.15846185178842268</v>
      </c>
      <c r="P87" s="96">
        <v>7.0764176762789663E-2</v>
      </c>
    </row>
    <row r="88" spans="1:16">
      <c r="A88" s="56" t="s">
        <v>358</v>
      </c>
      <c r="B88" s="128">
        <v>93</v>
      </c>
      <c r="C88" s="122">
        <v>0.42226935374483526</v>
      </c>
      <c r="D88" s="93">
        <v>0.10040043245556554</v>
      </c>
      <c r="E88" s="122">
        <v>0.32274017348593254</v>
      </c>
      <c r="F88" s="93">
        <v>9.5489395732832688E-2</v>
      </c>
      <c r="G88" s="122">
        <v>0.25499047276923209</v>
      </c>
      <c r="H88" s="93">
        <v>8.9631353045610859E-2</v>
      </c>
      <c r="I88" s="122">
        <v>0.50963251537264165</v>
      </c>
      <c r="J88" s="93">
        <v>0.10151729511201359</v>
      </c>
      <c r="K88" s="93">
        <v>0.2221403240338507</v>
      </c>
      <c r="L88" s="93">
        <v>8.5922577670261527E-2</v>
      </c>
      <c r="M88" s="93">
        <v>1.6089592029075787E-2</v>
      </c>
      <c r="N88" s="93">
        <v>3.7852368053354742E-2</v>
      </c>
      <c r="O88" s="93">
        <v>0.16829132073579728</v>
      </c>
      <c r="P88" s="93">
        <v>7.8348136023962955E-2</v>
      </c>
    </row>
    <row r="90" spans="1:16" ht="18.75">
      <c r="A90" s="340" t="s">
        <v>10</v>
      </c>
      <c r="B90" s="340"/>
      <c r="C90" s="340"/>
      <c r="D90" s="340"/>
    </row>
    <row r="91" spans="1:16" ht="133.5" customHeight="1">
      <c r="A91" s="374" t="s">
        <v>612</v>
      </c>
      <c r="B91" s="374"/>
      <c r="C91" s="374"/>
      <c r="D91" s="374"/>
    </row>
    <row r="92" spans="1:16" ht="37.5" customHeight="1">
      <c r="A92" s="352" t="s">
        <v>113</v>
      </c>
      <c r="B92" s="352"/>
      <c r="C92" s="352"/>
      <c r="D92" s="352"/>
    </row>
    <row r="93" spans="1:16" ht="36" customHeight="1">
      <c r="A93" s="36" t="s">
        <v>70</v>
      </c>
      <c r="B93" s="37" t="s">
        <v>71</v>
      </c>
      <c r="C93" s="38" t="s">
        <v>594</v>
      </c>
      <c r="D93" s="39" t="s">
        <v>72</v>
      </c>
    </row>
    <row r="94" spans="1:16" ht="60">
      <c r="A94" s="40"/>
      <c r="B94" s="41" t="s">
        <v>73</v>
      </c>
      <c r="C94" s="42" t="s">
        <v>114</v>
      </c>
      <c r="D94" s="43" t="s">
        <v>75</v>
      </c>
    </row>
    <row r="95" spans="1:16">
      <c r="A95" s="44" t="s">
        <v>349</v>
      </c>
      <c r="B95" s="132">
        <v>13131</v>
      </c>
      <c r="C95" s="133">
        <v>3.8724198307450646</v>
      </c>
      <c r="D95" s="134">
        <v>2.1149521632353018E-2</v>
      </c>
    </row>
    <row r="96" spans="1:16">
      <c r="A96" s="48" t="s">
        <v>350</v>
      </c>
      <c r="B96" s="48">
        <v>9681</v>
      </c>
      <c r="C96" s="136">
        <v>3.647158658447113</v>
      </c>
      <c r="D96" s="137">
        <v>2.4227169989763712E-2</v>
      </c>
    </row>
    <row r="97" spans="1:4">
      <c r="A97" s="44" t="s">
        <v>351</v>
      </c>
      <c r="B97" s="52">
        <v>3450</v>
      </c>
      <c r="C97" s="133">
        <v>4.057011686604965</v>
      </c>
      <c r="D97" s="134">
        <v>4.1926708767909347E-2</v>
      </c>
    </row>
    <row r="98" spans="1:4">
      <c r="A98" s="48" t="s">
        <v>558</v>
      </c>
      <c r="B98" s="48">
        <v>312</v>
      </c>
      <c r="C98" s="136">
        <v>4.1102514815759665</v>
      </c>
      <c r="D98" s="137">
        <v>0.12412617331410448</v>
      </c>
    </row>
    <row r="99" spans="1:4">
      <c r="A99" s="44" t="s">
        <v>559</v>
      </c>
      <c r="B99" s="52">
        <v>3428</v>
      </c>
      <c r="C99" s="133">
        <v>3.946936140481446</v>
      </c>
      <c r="D99" s="134">
        <v>4.2337105531777185E-2</v>
      </c>
    </row>
    <row r="100" spans="1:4">
      <c r="A100" s="48" t="s">
        <v>560</v>
      </c>
      <c r="B100" s="48">
        <v>2820</v>
      </c>
      <c r="C100" s="136">
        <v>3.6411790632076975</v>
      </c>
      <c r="D100" s="137">
        <v>4.5719484280192735E-2</v>
      </c>
    </row>
    <row r="101" spans="1:4">
      <c r="A101" s="44" t="s">
        <v>368</v>
      </c>
      <c r="B101" s="52">
        <v>147</v>
      </c>
      <c r="C101" s="133">
        <v>3.8203634369726927</v>
      </c>
      <c r="D101" s="134">
        <v>0.1898334338914881</v>
      </c>
    </row>
    <row r="102" spans="1:4">
      <c r="A102" s="48" t="s">
        <v>150</v>
      </c>
      <c r="B102" s="48">
        <v>259</v>
      </c>
      <c r="C102" s="136">
        <v>3.7205712738326993</v>
      </c>
      <c r="D102" s="137">
        <v>0.14913722706633334</v>
      </c>
    </row>
    <row r="103" spans="1:4">
      <c r="A103" s="44" t="s">
        <v>352</v>
      </c>
      <c r="B103" s="52">
        <v>115</v>
      </c>
      <c r="C103" s="133">
        <v>3.4897201762111201</v>
      </c>
      <c r="D103" s="134">
        <v>0.22209607205482426</v>
      </c>
    </row>
    <row r="104" spans="1:4">
      <c r="A104" s="48" t="s">
        <v>353</v>
      </c>
      <c r="B104" s="48">
        <v>112</v>
      </c>
      <c r="C104" s="136">
        <v>3.6372195668219907</v>
      </c>
      <c r="D104" s="137">
        <v>0.22273033507256376</v>
      </c>
    </row>
    <row r="105" spans="1:4">
      <c r="A105" s="44" t="s">
        <v>369</v>
      </c>
      <c r="B105" s="132">
        <v>405</v>
      </c>
      <c r="C105" s="133">
        <v>3.9537519179517431</v>
      </c>
      <c r="D105" s="134">
        <v>0.11255560858815788</v>
      </c>
    </row>
    <row r="106" spans="1:4">
      <c r="A106" s="48" t="s">
        <v>354</v>
      </c>
      <c r="B106" s="135">
        <v>69</v>
      </c>
      <c r="C106" s="136">
        <v>3.4889566857492871</v>
      </c>
      <c r="D106" s="137">
        <v>0.24233159029380894</v>
      </c>
    </row>
    <row r="107" spans="1:4">
      <c r="A107" s="44" t="s">
        <v>355</v>
      </c>
      <c r="B107" s="82">
        <v>70</v>
      </c>
      <c r="C107" s="83">
        <v>3.7366002976782426</v>
      </c>
      <c r="D107" s="134">
        <v>0.25790581423789838</v>
      </c>
    </row>
    <row r="108" spans="1:4">
      <c r="A108" s="48" t="s">
        <v>356</v>
      </c>
      <c r="B108" s="135">
        <v>64</v>
      </c>
      <c r="C108" s="136">
        <v>4.3915309855704843</v>
      </c>
      <c r="D108" s="137">
        <v>0.24754895115429712</v>
      </c>
    </row>
    <row r="109" spans="1:4">
      <c r="A109" s="56" t="s">
        <v>357</v>
      </c>
      <c r="B109" s="132">
        <v>52</v>
      </c>
      <c r="C109" s="133">
        <v>4.0667630570782265</v>
      </c>
      <c r="D109" s="134">
        <v>0.26832176864358115</v>
      </c>
    </row>
    <row r="110" spans="1:4">
      <c r="A110" s="48" t="s">
        <v>358</v>
      </c>
      <c r="B110" s="135">
        <v>95</v>
      </c>
      <c r="C110" s="136">
        <v>3.3638786790266111</v>
      </c>
      <c r="D110" s="137">
        <v>0.26156066122927346</v>
      </c>
    </row>
    <row r="111" spans="1:4">
      <c r="A111" s="56" t="s">
        <v>359</v>
      </c>
      <c r="B111" s="132">
        <v>109</v>
      </c>
      <c r="C111" s="133">
        <v>4.0105021927183335</v>
      </c>
      <c r="D111" s="134">
        <v>0.22709338798471626</v>
      </c>
    </row>
    <row r="112" spans="1:4">
      <c r="A112" s="48" t="s">
        <v>371</v>
      </c>
      <c r="B112" s="135">
        <v>175</v>
      </c>
      <c r="C112" s="136">
        <v>3.2724271095497195</v>
      </c>
      <c r="D112" s="137">
        <v>0.16087364801544782</v>
      </c>
    </row>
    <row r="113" spans="1:37">
      <c r="A113" s="56" t="s">
        <v>360</v>
      </c>
      <c r="B113" s="132">
        <v>99</v>
      </c>
      <c r="C113" s="133">
        <v>3.1509414566557554</v>
      </c>
      <c r="D113" s="134">
        <v>0.20601254638599556</v>
      </c>
    </row>
    <row r="114" spans="1:37">
      <c r="A114" s="48" t="s">
        <v>370</v>
      </c>
      <c r="B114" s="135">
        <v>275</v>
      </c>
      <c r="C114" s="136">
        <v>3.6720699416297453</v>
      </c>
      <c r="D114" s="137">
        <v>0.14526611735974276</v>
      </c>
    </row>
    <row r="115" spans="1:37">
      <c r="A115" s="56" t="s">
        <v>361</v>
      </c>
      <c r="B115" s="132">
        <v>119</v>
      </c>
      <c r="C115" s="133">
        <v>3.6521645373916711</v>
      </c>
      <c r="D115" s="134">
        <v>0.21200395135969582</v>
      </c>
    </row>
    <row r="116" spans="1:37">
      <c r="A116" s="48" t="s">
        <v>375</v>
      </c>
      <c r="B116" s="135">
        <v>102</v>
      </c>
      <c r="C116" s="136">
        <v>3.8576815444296324</v>
      </c>
      <c r="D116" s="137">
        <v>0.24362185770290168</v>
      </c>
      <c r="P116" s="245"/>
      <c r="Q116" s="245"/>
      <c r="R116" s="245"/>
      <c r="S116" s="245"/>
      <c r="T116" s="245"/>
      <c r="U116" s="245"/>
      <c r="V116" s="245"/>
      <c r="W116" s="245"/>
      <c r="X116" s="245"/>
      <c r="Y116" s="245"/>
      <c r="Z116" s="245"/>
      <c r="AA116" s="245"/>
      <c r="AB116" s="245"/>
      <c r="AC116" s="245"/>
      <c r="AD116" s="245"/>
    </row>
    <row r="117" spans="1:37">
      <c r="A117" s="56" t="s">
        <v>358</v>
      </c>
      <c r="B117" s="132">
        <v>95</v>
      </c>
      <c r="C117" s="133">
        <v>3.3638786790266111</v>
      </c>
      <c r="D117" s="134">
        <v>0.26156066122927346</v>
      </c>
    </row>
    <row r="118" spans="1:37">
      <c r="P118" s="245"/>
      <c r="Q118" s="245"/>
      <c r="R118" s="245"/>
      <c r="S118" s="245"/>
      <c r="T118" s="245"/>
      <c r="U118" s="245"/>
      <c r="V118" s="245"/>
      <c r="W118" s="245"/>
      <c r="X118" s="245"/>
      <c r="Y118" s="245"/>
      <c r="Z118" s="245"/>
      <c r="AA118" s="245"/>
      <c r="AB118" s="245"/>
      <c r="AC118" s="245"/>
      <c r="AD118" s="245"/>
    </row>
    <row r="119" spans="1:37" ht="18.75">
      <c r="A119" s="340" t="s">
        <v>36</v>
      </c>
      <c r="B119" s="340"/>
      <c r="C119" s="340"/>
      <c r="D119" s="340"/>
      <c r="E119" s="340"/>
      <c r="F119" s="340"/>
      <c r="G119" s="340"/>
      <c r="H119" s="340"/>
      <c r="I119" s="340"/>
      <c r="J119" s="340"/>
      <c r="K119" s="340"/>
      <c r="L119" s="340"/>
      <c r="M119" s="340"/>
      <c r="N119" s="340"/>
      <c r="O119" s="340"/>
      <c r="P119" s="340"/>
      <c r="Q119" s="340"/>
      <c r="R119" s="340"/>
      <c r="S119" s="340"/>
      <c r="T119" s="340"/>
      <c r="U119" s="340"/>
      <c r="V119" s="340"/>
      <c r="W119" s="340"/>
      <c r="X119" s="340"/>
      <c r="Y119" s="340"/>
      <c r="Z119" s="340"/>
      <c r="AA119" s="340"/>
      <c r="AB119" s="340"/>
      <c r="AC119" s="340"/>
      <c r="AD119" s="340"/>
      <c r="AE119" s="340"/>
      <c r="AF119" s="340"/>
      <c r="AG119" s="340"/>
      <c r="AH119" s="340"/>
      <c r="AI119" s="340"/>
      <c r="AJ119" s="340"/>
      <c r="AK119" s="340"/>
    </row>
    <row r="120" spans="1:37" ht="72" customHeight="1">
      <c r="A120" s="381" t="s">
        <v>592</v>
      </c>
      <c r="B120" s="381"/>
      <c r="C120" s="381"/>
      <c r="D120" s="381"/>
      <c r="E120" s="381"/>
      <c r="F120" s="381"/>
      <c r="G120" s="381"/>
      <c r="H120" s="381"/>
      <c r="I120" s="381"/>
      <c r="J120" s="381"/>
      <c r="K120" s="381"/>
      <c r="L120" s="381"/>
      <c r="M120" s="381"/>
      <c r="N120" s="381"/>
      <c r="O120" s="381"/>
      <c r="P120" s="381"/>
      <c r="Q120" s="381"/>
      <c r="R120" s="381"/>
      <c r="S120" s="381"/>
      <c r="T120" s="381"/>
      <c r="U120" s="381"/>
      <c r="V120" s="381"/>
      <c r="W120" s="381"/>
      <c r="X120" s="381"/>
      <c r="Y120" s="381"/>
      <c r="Z120" s="381"/>
      <c r="AA120" s="381"/>
      <c r="AB120" s="381"/>
      <c r="AC120" s="381"/>
      <c r="AD120" s="381"/>
      <c r="AE120" s="381"/>
      <c r="AF120" s="381"/>
      <c r="AG120" s="381"/>
      <c r="AH120" s="381"/>
      <c r="AI120" s="381"/>
      <c r="AJ120" s="381"/>
      <c r="AK120" s="381"/>
    </row>
    <row r="121" spans="1:37" ht="41.25" customHeight="1">
      <c r="A121" s="63"/>
      <c r="B121" s="377" t="s">
        <v>221</v>
      </c>
      <c r="C121" s="378"/>
      <c r="D121" s="378"/>
      <c r="E121" s="378"/>
      <c r="F121" s="378"/>
      <c r="G121" s="378"/>
      <c r="H121" s="378"/>
      <c r="I121" s="378"/>
      <c r="J121" s="379"/>
      <c r="K121" s="375" t="s">
        <v>396</v>
      </c>
      <c r="L121" s="376"/>
      <c r="M121" s="376"/>
      <c r="N121" s="376"/>
      <c r="O121" s="376"/>
      <c r="P121" s="376"/>
      <c r="Q121" s="376"/>
      <c r="R121" s="376"/>
      <c r="S121" s="376"/>
      <c r="T121" s="377" t="s">
        <v>193</v>
      </c>
      <c r="U121" s="378"/>
      <c r="V121" s="378"/>
      <c r="W121" s="378"/>
      <c r="X121" s="378"/>
      <c r="Y121" s="378"/>
      <c r="Z121" s="378"/>
      <c r="AA121" s="378"/>
      <c r="AB121" s="379"/>
      <c r="AC121" s="375" t="s">
        <v>397</v>
      </c>
      <c r="AD121" s="376"/>
      <c r="AE121" s="376"/>
      <c r="AF121" s="376"/>
      <c r="AG121" s="376"/>
      <c r="AH121" s="376"/>
      <c r="AI121" s="376"/>
      <c r="AJ121" s="376"/>
      <c r="AK121" s="376"/>
    </row>
    <row r="122" spans="1:37" ht="40.5" customHeight="1">
      <c r="A122" s="36" t="s">
        <v>70</v>
      </c>
      <c r="B122" s="37" t="s">
        <v>71</v>
      </c>
      <c r="C122" s="37" t="s">
        <v>156</v>
      </c>
      <c r="D122" s="88" t="s">
        <v>84</v>
      </c>
      <c r="E122" s="37" t="s">
        <v>157</v>
      </c>
      <c r="F122" s="88" t="s">
        <v>85</v>
      </c>
      <c r="G122" s="37" t="s">
        <v>158</v>
      </c>
      <c r="H122" s="88" t="s">
        <v>86</v>
      </c>
      <c r="I122" s="37" t="s">
        <v>301</v>
      </c>
      <c r="J122" s="88" t="s">
        <v>300</v>
      </c>
      <c r="K122" s="64" t="s">
        <v>71</v>
      </c>
      <c r="L122" s="64" t="s">
        <v>156</v>
      </c>
      <c r="M122" s="87" t="s">
        <v>84</v>
      </c>
      <c r="N122" s="64" t="s">
        <v>157</v>
      </c>
      <c r="O122" s="87" t="s">
        <v>85</v>
      </c>
      <c r="P122" s="64" t="s">
        <v>158</v>
      </c>
      <c r="Q122" s="87" t="s">
        <v>86</v>
      </c>
      <c r="R122" s="64" t="s">
        <v>301</v>
      </c>
      <c r="S122" s="87" t="s">
        <v>300</v>
      </c>
      <c r="T122" s="37" t="s">
        <v>71</v>
      </c>
      <c r="U122" s="37" t="s">
        <v>156</v>
      </c>
      <c r="V122" s="88" t="s">
        <v>84</v>
      </c>
      <c r="W122" s="37" t="s">
        <v>157</v>
      </c>
      <c r="X122" s="88" t="s">
        <v>85</v>
      </c>
      <c r="Y122" s="37" t="s">
        <v>158</v>
      </c>
      <c r="Z122" s="88" t="s">
        <v>86</v>
      </c>
      <c r="AA122" s="37" t="s">
        <v>301</v>
      </c>
      <c r="AB122" s="88" t="s">
        <v>300</v>
      </c>
      <c r="AC122" s="64" t="s">
        <v>71</v>
      </c>
      <c r="AD122" s="64" t="s">
        <v>156</v>
      </c>
      <c r="AE122" s="87" t="s">
        <v>84</v>
      </c>
      <c r="AF122" s="64" t="s">
        <v>157</v>
      </c>
      <c r="AG122" s="87" t="s">
        <v>85</v>
      </c>
      <c r="AH122" s="64" t="s">
        <v>158</v>
      </c>
      <c r="AI122" s="87" t="s">
        <v>86</v>
      </c>
      <c r="AJ122" s="64" t="s">
        <v>301</v>
      </c>
      <c r="AK122" s="87" t="s">
        <v>300</v>
      </c>
    </row>
    <row r="123" spans="1:37" ht="66" customHeight="1">
      <c r="A123" s="40"/>
      <c r="B123" s="41" t="s">
        <v>73</v>
      </c>
      <c r="C123" s="41" t="s">
        <v>159</v>
      </c>
      <c r="D123" s="90" t="s">
        <v>87</v>
      </c>
      <c r="E123" s="41" t="s">
        <v>160</v>
      </c>
      <c r="F123" s="90" t="s">
        <v>87</v>
      </c>
      <c r="G123" s="41" t="s">
        <v>161</v>
      </c>
      <c r="H123" s="90" t="s">
        <v>87</v>
      </c>
      <c r="I123" s="41" t="s">
        <v>301</v>
      </c>
      <c r="J123" s="90" t="s">
        <v>87</v>
      </c>
      <c r="K123" s="67" t="s">
        <v>73</v>
      </c>
      <c r="L123" s="67" t="s">
        <v>159</v>
      </c>
      <c r="M123" s="89" t="s">
        <v>87</v>
      </c>
      <c r="N123" s="67" t="s">
        <v>160</v>
      </c>
      <c r="O123" s="89" t="s">
        <v>87</v>
      </c>
      <c r="P123" s="67" t="s">
        <v>161</v>
      </c>
      <c r="Q123" s="89" t="s">
        <v>87</v>
      </c>
      <c r="R123" s="67" t="s">
        <v>301</v>
      </c>
      <c r="S123" s="89" t="s">
        <v>87</v>
      </c>
      <c r="T123" s="41" t="s">
        <v>73</v>
      </c>
      <c r="U123" s="41" t="s">
        <v>159</v>
      </c>
      <c r="V123" s="90" t="s">
        <v>87</v>
      </c>
      <c r="W123" s="41" t="s">
        <v>160</v>
      </c>
      <c r="X123" s="90" t="s">
        <v>87</v>
      </c>
      <c r="Y123" s="41" t="s">
        <v>161</v>
      </c>
      <c r="Z123" s="90" t="s">
        <v>87</v>
      </c>
      <c r="AA123" s="41" t="s">
        <v>301</v>
      </c>
      <c r="AB123" s="90" t="s">
        <v>87</v>
      </c>
      <c r="AC123" s="67" t="s">
        <v>73</v>
      </c>
      <c r="AD123" s="67" t="s">
        <v>159</v>
      </c>
      <c r="AE123" s="89" t="s">
        <v>87</v>
      </c>
      <c r="AF123" s="67" t="s">
        <v>160</v>
      </c>
      <c r="AG123" s="89" t="s">
        <v>87</v>
      </c>
      <c r="AH123" s="67" t="s">
        <v>161</v>
      </c>
      <c r="AI123" s="89" t="s">
        <v>87</v>
      </c>
      <c r="AJ123" s="67" t="s">
        <v>301</v>
      </c>
      <c r="AK123" s="89" t="s">
        <v>87</v>
      </c>
    </row>
    <row r="124" spans="1:37">
      <c r="A124" s="44" t="s">
        <v>349</v>
      </c>
      <c r="B124" s="138">
        <v>13965</v>
      </c>
      <c r="C124" s="139">
        <v>0.36644795766614507</v>
      </c>
      <c r="D124" s="93">
        <v>8.1536898892394533E-3</v>
      </c>
      <c r="E124" s="139">
        <v>0.23648040341275756</v>
      </c>
      <c r="F124" s="93">
        <v>7.191224160995411E-3</v>
      </c>
      <c r="G124" s="139">
        <v>0.38329741118132249</v>
      </c>
      <c r="H124" s="93">
        <v>8.2273567588273637E-3</v>
      </c>
      <c r="I124" s="139">
        <v>1.3774227739792673E-2</v>
      </c>
      <c r="J124" s="93">
        <v>1.9820855190901066E-3</v>
      </c>
      <c r="K124" s="138">
        <v>13880</v>
      </c>
      <c r="L124" s="139">
        <v>0.32062561491627489</v>
      </c>
      <c r="M124" s="93">
        <v>7.9221828736430119E-3</v>
      </c>
      <c r="N124" s="139">
        <v>0.2335049807445477</v>
      </c>
      <c r="O124" s="93">
        <v>7.1816638157436805E-3</v>
      </c>
      <c r="P124" s="139">
        <v>0.38589727124803358</v>
      </c>
      <c r="Q124" s="93">
        <v>8.2629653853185988E-3</v>
      </c>
      <c r="R124" s="139">
        <v>5.9972133091162609E-2</v>
      </c>
      <c r="S124" s="93">
        <v>4.0341036549552522E-3</v>
      </c>
      <c r="T124" s="138">
        <v>13922</v>
      </c>
      <c r="U124" s="139">
        <v>0.49368915731230545</v>
      </c>
      <c r="V124" s="93">
        <v>8.4732930857762939E-3</v>
      </c>
      <c r="W124" s="139">
        <v>0.19666974281796323</v>
      </c>
      <c r="X124" s="93">
        <v>6.7376005886321923E-3</v>
      </c>
      <c r="Y124" s="139">
        <v>0.21420187864334492</v>
      </c>
      <c r="Z124" s="93">
        <v>6.9541563128915091E-3</v>
      </c>
      <c r="AA124" s="139">
        <v>9.543922122640483E-2</v>
      </c>
      <c r="AB124" s="93">
        <v>4.9823639893224105E-3</v>
      </c>
      <c r="AC124" s="138">
        <v>13902</v>
      </c>
      <c r="AD124" s="139">
        <v>0.30993186866202399</v>
      </c>
      <c r="AE124" s="93">
        <v>7.8438464444957785E-3</v>
      </c>
      <c r="AF124" s="139">
        <v>0.25085781071638874</v>
      </c>
      <c r="AG124" s="93">
        <v>7.3530255757909366E-3</v>
      </c>
      <c r="AH124" s="139">
        <v>0.36624752792057691</v>
      </c>
      <c r="AI124" s="93">
        <v>8.1711972448100367E-3</v>
      </c>
      <c r="AJ124" s="139">
        <v>7.2962792701029858E-2</v>
      </c>
      <c r="AK124" s="93">
        <v>4.4143288466272764E-3</v>
      </c>
    </row>
    <row r="125" spans="1:37">
      <c r="A125" s="48" t="s">
        <v>350</v>
      </c>
      <c r="B125" s="140">
        <v>10219</v>
      </c>
      <c r="C125" s="141">
        <v>0.37425977793015447</v>
      </c>
      <c r="D125" s="96">
        <v>9.5727319604077283E-3</v>
      </c>
      <c r="E125" s="141">
        <v>0.23341807096192999</v>
      </c>
      <c r="F125" s="96">
        <v>8.3686384836117785E-3</v>
      </c>
      <c r="G125" s="141">
        <v>0.38310947720462957</v>
      </c>
      <c r="H125" s="96">
        <v>9.6164800316819662E-3</v>
      </c>
      <c r="I125" s="141">
        <v>9.2126739032861969E-3</v>
      </c>
      <c r="J125" s="96">
        <v>1.9092445910410185E-3</v>
      </c>
      <c r="K125" s="140">
        <v>10160</v>
      </c>
      <c r="L125" s="141">
        <v>0.3955655587075626</v>
      </c>
      <c r="M125" s="96">
        <v>9.700392325624042E-3</v>
      </c>
      <c r="N125" s="141">
        <v>0.24201743914323703</v>
      </c>
      <c r="O125" s="96">
        <v>8.4979191117963739E-3</v>
      </c>
      <c r="P125" s="141">
        <v>0.30657256229566193</v>
      </c>
      <c r="Q125" s="96">
        <v>9.1473414897307644E-3</v>
      </c>
      <c r="R125" s="141">
        <v>5.5844439853537209E-2</v>
      </c>
      <c r="S125" s="96">
        <v>4.5619217166565718E-3</v>
      </c>
      <c r="T125" s="140">
        <v>10190</v>
      </c>
      <c r="U125" s="141">
        <v>0.59206716223797629</v>
      </c>
      <c r="V125" s="96">
        <v>9.7351686821155105E-3</v>
      </c>
      <c r="W125" s="141">
        <v>0.16742939549663968</v>
      </c>
      <c r="X125" s="96">
        <v>7.3980832736661069E-3</v>
      </c>
      <c r="Y125" s="141">
        <v>0.16741015566277798</v>
      </c>
      <c r="Z125" s="96">
        <v>7.3977441462118208E-3</v>
      </c>
      <c r="AA125" s="141">
        <v>7.3093286602602531E-2</v>
      </c>
      <c r="AB125" s="96">
        <v>5.1614565408424152E-3</v>
      </c>
      <c r="AC125" s="140">
        <v>10170</v>
      </c>
      <c r="AD125" s="141">
        <v>0.36260903263568517</v>
      </c>
      <c r="AE125" s="96">
        <v>9.5327967279677656E-3</v>
      </c>
      <c r="AF125" s="141">
        <v>0.23904894787629591</v>
      </c>
      <c r="AG125" s="96">
        <v>8.458041366186669E-3</v>
      </c>
      <c r="AH125" s="141">
        <v>0.32679779631457401</v>
      </c>
      <c r="AI125" s="96">
        <v>9.3007876747110592E-3</v>
      </c>
      <c r="AJ125" s="141">
        <v>7.154422317344393E-2</v>
      </c>
      <c r="AK125" s="96">
        <v>5.1159147516388311E-3</v>
      </c>
    </row>
    <row r="126" spans="1:37">
      <c r="A126" s="44" t="s">
        <v>351</v>
      </c>
      <c r="B126" s="82">
        <v>3746</v>
      </c>
      <c r="C126" s="97">
        <v>0.3601543210122039</v>
      </c>
      <c r="D126" s="93">
        <v>1.5679621934904357E-2</v>
      </c>
      <c r="E126" s="97">
        <v>0.23894758866633725</v>
      </c>
      <c r="F126" s="93">
        <v>1.393305687139991E-2</v>
      </c>
      <c r="G126" s="97">
        <v>0.383448821239948</v>
      </c>
      <c r="H126" s="93">
        <v>1.5881050741124794E-2</v>
      </c>
      <c r="I126" s="97">
        <v>1.7449269081511242E-2</v>
      </c>
      <c r="J126" s="93">
        <v>4.3378993293283763E-3</v>
      </c>
      <c r="K126" s="82">
        <v>3720</v>
      </c>
      <c r="L126" s="97">
        <v>0.26012095205869695</v>
      </c>
      <c r="M126" s="93">
        <v>1.4382439062372796E-2</v>
      </c>
      <c r="N126" s="97">
        <v>0.22663223172118518</v>
      </c>
      <c r="O126" s="93">
        <v>1.372706617716388E-2</v>
      </c>
      <c r="P126" s="97">
        <v>0.44994208538352093</v>
      </c>
      <c r="Q126" s="93">
        <v>1.6304684417490233E-2</v>
      </c>
      <c r="R126" s="97">
        <v>6.3304730836596809E-2</v>
      </c>
      <c r="S126" s="93">
        <v>8.0082325271413016E-3</v>
      </c>
      <c r="T126" s="82">
        <v>3732</v>
      </c>
      <c r="U126" s="97">
        <v>0.41453265323534544</v>
      </c>
      <c r="V126" s="93">
        <v>1.6120231012975293E-2</v>
      </c>
      <c r="W126" s="97">
        <v>0.22019699033329698</v>
      </c>
      <c r="X126" s="93">
        <v>1.3565521463450985E-2</v>
      </c>
      <c r="Y126" s="97">
        <v>0.25185124156421401</v>
      </c>
      <c r="Z126" s="93">
        <v>1.4208375148641556E-2</v>
      </c>
      <c r="AA126" s="97">
        <v>0.11341911486714538</v>
      </c>
      <c r="AB126" s="93">
        <v>1.0392462377978003E-2</v>
      </c>
      <c r="AC126" s="82">
        <v>3732</v>
      </c>
      <c r="AD126" s="97">
        <v>0.26746387235264757</v>
      </c>
      <c r="AE126" s="93">
        <v>1.4487780994636582E-2</v>
      </c>
      <c r="AF126" s="97">
        <v>0.26037804122388397</v>
      </c>
      <c r="AG126" s="93">
        <v>1.4363892813970059E-2</v>
      </c>
      <c r="AH126" s="97">
        <v>0.39805165194453163</v>
      </c>
      <c r="AI126" s="93">
        <v>1.6017548534641241E-2</v>
      </c>
      <c r="AJ126" s="97">
        <v>7.4106434478937069E-2</v>
      </c>
      <c r="AK126" s="93">
        <v>8.5952820793282168E-3</v>
      </c>
    </row>
    <row r="127" spans="1:37">
      <c r="A127" s="48" t="s">
        <v>558</v>
      </c>
      <c r="B127" s="140">
        <v>339</v>
      </c>
      <c r="C127" s="141">
        <v>0.49785988831743561</v>
      </c>
      <c r="D127" s="96">
        <v>5.3994441580147733E-2</v>
      </c>
      <c r="E127" s="141">
        <v>0.21466239766689568</v>
      </c>
      <c r="F127" s="96">
        <v>4.4586906212671466E-2</v>
      </c>
      <c r="G127" s="141">
        <v>0.27432724691035637</v>
      </c>
      <c r="H127" s="96">
        <v>4.8325030718685928E-2</v>
      </c>
      <c r="I127" s="141">
        <v>1.3150467105313026E-2</v>
      </c>
      <c r="J127" s="96">
        <v>1.4677691216276077E-2</v>
      </c>
      <c r="K127" s="140">
        <v>335</v>
      </c>
      <c r="L127" s="141">
        <v>0.2170842432325247</v>
      </c>
      <c r="M127" s="96">
        <v>4.5028527380985534E-2</v>
      </c>
      <c r="N127" s="141">
        <v>0.20358204459052273</v>
      </c>
      <c r="O127" s="96">
        <v>4.4016307006796575E-2</v>
      </c>
      <c r="P127" s="141">
        <v>0.52006861679117045</v>
      </c>
      <c r="Q127" s="96">
        <v>5.4269805482454615E-2</v>
      </c>
      <c r="R127" s="141">
        <v>5.9265095385782673E-2</v>
      </c>
      <c r="S127" s="96">
        <v>2.6676186858717768E-2</v>
      </c>
      <c r="T127" s="140">
        <v>337</v>
      </c>
      <c r="U127" s="141">
        <v>0.32577772926506404</v>
      </c>
      <c r="V127" s="96">
        <v>5.0840966122090415E-2</v>
      </c>
      <c r="W127" s="141">
        <v>0.22982826419181052</v>
      </c>
      <c r="X127" s="96">
        <v>4.5785375863169268E-2</v>
      </c>
      <c r="Y127" s="141">
        <v>0.33626800832767922</v>
      </c>
      <c r="Z127" s="96">
        <v>5.1238854932387959E-2</v>
      </c>
      <c r="AA127" s="141">
        <v>0.10812599821544701</v>
      </c>
      <c r="AB127" s="96">
        <v>3.4252185309474194E-2</v>
      </c>
      <c r="AC127" s="140">
        <v>337</v>
      </c>
      <c r="AD127" s="141">
        <v>0.26714889755250404</v>
      </c>
      <c r="AE127" s="96">
        <v>4.8076785907773027E-2</v>
      </c>
      <c r="AF127" s="141">
        <v>0.27035093401685217</v>
      </c>
      <c r="AG127" s="96">
        <v>4.8252916423336303E-2</v>
      </c>
      <c r="AH127" s="141">
        <v>0.37546909389242095</v>
      </c>
      <c r="AI127" s="96">
        <v>5.2486975606557851E-2</v>
      </c>
      <c r="AJ127" s="141">
        <v>8.703107453822341E-2</v>
      </c>
      <c r="AK127" s="96">
        <v>3.1284189152006273E-2</v>
      </c>
    </row>
    <row r="128" spans="1:37">
      <c r="A128" s="44" t="s">
        <v>559</v>
      </c>
      <c r="B128" s="82">
        <v>3621</v>
      </c>
      <c r="C128" s="97">
        <v>0.38140258788590053</v>
      </c>
      <c r="D128" s="93">
        <v>1.6136168069760148E-2</v>
      </c>
      <c r="E128" s="97">
        <v>0.23302419805765223</v>
      </c>
      <c r="F128" s="93">
        <v>1.4049415580401832E-2</v>
      </c>
      <c r="G128" s="97">
        <v>0.37800467179044234</v>
      </c>
      <c r="H128" s="93">
        <v>1.6108253329617708E-2</v>
      </c>
      <c r="I128" s="97">
        <v>7.5685422660227552E-3</v>
      </c>
      <c r="J128" s="93">
        <v>2.9796758436142932E-3</v>
      </c>
      <c r="K128" s="82">
        <v>3599</v>
      </c>
      <c r="L128" s="97">
        <v>0.28748125639062966</v>
      </c>
      <c r="M128" s="93">
        <v>1.5083669296337206E-2</v>
      </c>
      <c r="N128" s="97">
        <v>0.22673262257183729</v>
      </c>
      <c r="O128" s="93">
        <v>1.3958053603369295E-2</v>
      </c>
      <c r="P128" s="97">
        <v>0.42834026587306973</v>
      </c>
      <c r="Q128" s="93">
        <v>1.6488123146096247E-2</v>
      </c>
      <c r="R128" s="97">
        <v>5.7445855164480551E-2</v>
      </c>
      <c r="S128" s="93">
        <v>7.7842441118984966E-3</v>
      </c>
      <c r="T128" s="82">
        <v>3614</v>
      </c>
      <c r="U128" s="97">
        <v>0.46336663494180236</v>
      </c>
      <c r="V128" s="93">
        <v>1.6580572403386486E-2</v>
      </c>
      <c r="W128" s="97">
        <v>0.20666710642089842</v>
      </c>
      <c r="X128" s="93">
        <v>1.3471340764160551E-2</v>
      </c>
      <c r="Y128" s="97">
        <v>0.23765012972578461</v>
      </c>
      <c r="Z128" s="93">
        <v>1.415872474262889E-2</v>
      </c>
      <c r="AA128" s="97">
        <v>9.2316128911528766E-2</v>
      </c>
      <c r="AB128" s="93">
        <v>9.6460962311068956E-3</v>
      </c>
      <c r="AC128" s="82">
        <v>3604</v>
      </c>
      <c r="AD128" s="97">
        <v>0.30133237145271691</v>
      </c>
      <c r="AE128" s="93">
        <v>1.5280766242073985E-2</v>
      </c>
      <c r="AF128" s="97">
        <v>0.24746904968816316</v>
      </c>
      <c r="AG128" s="93">
        <v>1.4374213246333136E-2</v>
      </c>
      <c r="AH128" s="97">
        <v>0.37345640479111891</v>
      </c>
      <c r="AI128" s="93">
        <v>1.6107393359551841E-2</v>
      </c>
      <c r="AJ128" s="97">
        <v>7.7742174068017769E-2</v>
      </c>
      <c r="AK128" s="93">
        <v>8.9401469178821327E-3</v>
      </c>
    </row>
    <row r="129" spans="1:37">
      <c r="A129" s="48" t="s">
        <v>560</v>
      </c>
      <c r="B129" s="140">
        <v>2968</v>
      </c>
      <c r="C129" s="141">
        <v>0.39121866334811101</v>
      </c>
      <c r="D129" s="96">
        <v>1.7905030321441962E-2</v>
      </c>
      <c r="E129" s="141">
        <v>0.22162223578564813</v>
      </c>
      <c r="F129" s="96">
        <v>1.5246484407179699E-2</v>
      </c>
      <c r="G129" s="141">
        <v>0.38151274350200981</v>
      </c>
      <c r="H129" s="96">
        <v>1.7822156250001706E-2</v>
      </c>
      <c r="I129" s="141">
        <v>5.6463573642272034E-3</v>
      </c>
      <c r="J129" s="96">
        <v>2.9053873577689349E-3</v>
      </c>
      <c r="K129" s="140">
        <v>2951</v>
      </c>
      <c r="L129" s="141">
        <v>0.39101699913141652</v>
      </c>
      <c r="M129" s="96">
        <v>1.7954815966940246E-2</v>
      </c>
      <c r="N129" s="141">
        <v>0.23618725125456258</v>
      </c>
      <c r="O129" s="96">
        <v>1.5635056484297194E-2</v>
      </c>
      <c r="P129" s="141">
        <v>0.32636810350578555</v>
      </c>
      <c r="Q129" s="96">
        <v>1.7254285259942194E-2</v>
      </c>
      <c r="R129" s="141">
        <v>4.6427646108230067E-2</v>
      </c>
      <c r="S129" s="96">
        <v>7.7898545616161274E-3</v>
      </c>
      <c r="T129" s="140">
        <v>2960</v>
      </c>
      <c r="U129" s="141">
        <v>0.59988318399860585</v>
      </c>
      <c r="V129" s="96">
        <v>1.7998735107609035E-2</v>
      </c>
      <c r="W129" s="141">
        <v>0.17857214020808873</v>
      </c>
      <c r="X129" s="96">
        <v>1.4082981279579722E-2</v>
      </c>
      <c r="Y129" s="141">
        <v>0.1504669039467684</v>
      </c>
      <c r="Z129" s="96">
        <v>1.3151055590238164E-2</v>
      </c>
      <c r="AA129" s="141">
        <v>7.1077771846534799E-2</v>
      </c>
      <c r="AB129" s="96">
        <v>9.4748722225499963E-3</v>
      </c>
      <c r="AC129" s="140">
        <v>2951</v>
      </c>
      <c r="AD129" s="141">
        <v>0.34071740690100216</v>
      </c>
      <c r="AE129" s="96">
        <v>1.7440163894650536E-2</v>
      </c>
      <c r="AF129" s="141">
        <v>0.24980379955968615</v>
      </c>
      <c r="AG129" s="96">
        <v>1.5934349959881407E-2</v>
      </c>
      <c r="AH129" s="141">
        <v>0.32159979382255371</v>
      </c>
      <c r="AI129" s="96">
        <v>1.7188493045915566E-2</v>
      </c>
      <c r="AJ129" s="141">
        <v>8.7878999716754058E-2</v>
      </c>
      <c r="AK129" s="96">
        <v>1.0446271119966254E-2</v>
      </c>
    </row>
    <row r="130" spans="1:37">
      <c r="A130" s="44" t="s">
        <v>368</v>
      </c>
      <c r="B130" s="82">
        <v>159</v>
      </c>
      <c r="C130" s="97">
        <v>0.37302070151236966</v>
      </c>
      <c r="D130" s="93">
        <v>7.5884622990412876E-2</v>
      </c>
      <c r="E130" s="97">
        <v>0.24791903638070711</v>
      </c>
      <c r="F130" s="93">
        <v>6.8199578022605234E-2</v>
      </c>
      <c r="G130" s="97">
        <v>0.37906026210692273</v>
      </c>
      <c r="H130" s="93">
        <v>7.611464275509229E-2</v>
      </c>
      <c r="I130" s="97">
        <v>0</v>
      </c>
      <c r="J130" s="93">
        <v>1.7245529166034633E-2</v>
      </c>
      <c r="K130" s="82">
        <v>158</v>
      </c>
      <c r="L130" s="97">
        <v>0.35293602025981163</v>
      </c>
      <c r="M130" s="93">
        <v>7.526529874191451E-2</v>
      </c>
      <c r="N130" s="97">
        <v>0.20540968831901707</v>
      </c>
      <c r="O130" s="93">
        <v>6.430046025315056E-2</v>
      </c>
      <c r="P130" s="97">
        <v>0.40748396438950379</v>
      </c>
      <c r="Q130" s="93">
        <v>7.7277477000897987E-2</v>
      </c>
      <c r="R130" s="97">
        <v>3.4170327031667197E-2</v>
      </c>
      <c r="S130" s="93">
        <v>3.2805576085037529E-2</v>
      </c>
      <c r="T130" s="82">
        <v>158</v>
      </c>
      <c r="U130" s="97">
        <v>0.55696483322527213</v>
      </c>
      <c r="V130" s="93">
        <v>7.8080881767593466E-2</v>
      </c>
      <c r="W130" s="97">
        <v>0.24287278469170559</v>
      </c>
      <c r="X130" s="93">
        <v>6.7970617564918664E-2</v>
      </c>
      <c r="Y130" s="97">
        <v>0.15869483779345514</v>
      </c>
      <c r="Z130" s="93">
        <v>5.8624631580984597E-2</v>
      </c>
      <c r="AA130" s="97">
        <v>4.1467544289567136E-2</v>
      </c>
      <c r="AB130" s="93">
        <v>3.5137338870386767E-2</v>
      </c>
      <c r="AC130" s="82">
        <v>158</v>
      </c>
      <c r="AD130" s="97">
        <v>0.21414385048713583</v>
      </c>
      <c r="AE130" s="93">
        <v>6.5219797467951562E-2</v>
      </c>
      <c r="AF130" s="97">
        <v>0.25538367291491076</v>
      </c>
      <c r="AG130" s="93">
        <v>6.9046646047572657E-2</v>
      </c>
      <c r="AH130" s="97">
        <v>0.40603697986903325</v>
      </c>
      <c r="AI130" s="93">
        <v>7.7236460802280194E-2</v>
      </c>
      <c r="AJ130" s="97">
        <v>0.12443549672891964</v>
      </c>
      <c r="AK130" s="93">
        <v>5.3479124668103679E-2</v>
      </c>
    </row>
    <row r="131" spans="1:37">
      <c r="A131" s="48" t="s">
        <v>150</v>
      </c>
      <c r="B131" s="140">
        <v>272</v>
      </c>
      <c r="C131" s="141">
        <v>0.32062941213116042</v>
      </c>
      <c r="D131" s="96">
        <v>5.6305585554893671E-2</v>
      </c>
      <c r="E131" s="141">
        <v>0.23047054972685913</v>
      </c>
      <c r="F131" s="96">
        <v>5.0996490589706477E-2</v>
      </c>
      <c r="G131" s="141">
        <v>0.44280541195433931</v>
      </c>
      <c r="H131" s="96">
        <v>5.980922690782442E-2</v>
      </c>
      <c r="I131" s="141">
        <v>6.0946261876399285E-3</v>
      </c>
      <c r="J131" s="96">
        <v>1.3766711418639672E-2</v>
      </c>
      <c r="K131" s="140">
        <v>271</v>
      </c>
      <c r="L131" s="141">
        <v>0.33204130471384724</v>
      </c>
      <c r="M131" s="96">
        <v>5.6902412971747023E-2</v>
      </c>
      <c r="N131" s="141">
        <v>0.30092366129041398</v>
      </c>
      <c r="O131" s="96">
        <v>5.5466699548423953E-2</v>
      </c>
      <c r="P131" s="141">
        <v>0.31172191902676633</v>
      </c>
      <c r="Q131" s="96">
        <v>5.5996765801295451E-2</v>
      </c>
      <c r="R131" s="141">
        <v>5.5313114968971754E-2</v>
      </c>
      <c r="S131" s="96">
        <v>2.903649373140715E-2</v>
      </c>
      <c r="T131" s="140">
        <v>272</v>
      </c>
      <c r="U131" s="141">
        <v>0.59411855247052503</v>
      </c>
      <c r="V131" s="96">
        <v>5.914813139248995E-2</v>
      </c>
      <c r="W131" s="141">
        <v>0.14028565931977338</v>
      </c>
      <c r="X131" s="96">
        <v>4.2448430373040323E-2</v>
      </c>
      <c r="Y131" s="141">
        <v>0.19093752603826647</v>
      </c>
      <c r="Z131" s="96">
        <v>4.77355348280867E-2</v>
      </c>
      <c r="AA131" s="141">
        <v>7.4658262171432718E-2</v>
      </c>
      <c r="AB131" s="96">
        <v>3.2812673591081545E-2</v>
      </c>
      <c r="AC131" s="140">
        <v>269</v>
      </c>
      <c r="AD131" s="141">
        <v>0.34732448211575617</v>
      </c>
      <c r="AE131" s="96">
        <v>5.7718307164581845E-2</v>
      </c>
      <c r="AF131" s="141">
        <v>0.25013780649546014</v>
      </c>
      <c r="AG131" s="96">
        <v>5.267704697092819E-2</v>
      </c>
      <c r="AH131" s="141">
        <v>0.32697894819849727</v>
      </c>
      <c r="AI131" s="96">
        <v>5.6895836012930343E-2</v>
      </c>
      <c r="AJ131" s="141">
        <v>7.5558763190285594E-2</v>
      </c>
      <c r="AK131" s="96">
        <v>3.3169581605579125E-2</v>
      </c>
    </row>
    <row r="132" spans="1:37">
      <c r="A132" s="44" t="s">
        <v>352</v>
      </c>
      <c r="B132" s="82">
        <v>121</v>
      </c>
      <c r="C132" s="97">
        <v>0.32080362482691355</v>
      </c>
      <c r="D132" s="93">
        <v>8.3887715988033698E-2</v>
      </c>
      <c r="E132" s="97">
        <v>0.27285322291578995</v>
      </c>
      <c r="F132" s="93">
        <v>8.0330045156687901E-2</v>
      </c>
      <c r="G132" s="97">
        <v>0.40634315225729523</v>
      </c>
      <c r="H132" s="93">
        <v>8.7960135602534864E-2</v>
      </c>
      <c r="I132" s="97">
        <v>0</v>
      </c>
      <c r="J132" s="93">
        <v>2.2445667733440235E-2</v>
      </c>
      <c r="K132" s="82">
        <v>119</v>
      </c>
      <c r="L132" s="97">
        <v>0.46220912476114639</v>
      </c>
      <c r="M132" s="93">
        <v>8.9925574863862004E-2</v>
      </c>
      <c r="N132" s="97">
        <v>0.21986109421953126</v>
      </c>
      <c r="O132" s="93">
        <v>7.5771038324943626E-2</v>
      </c>
      <c r="P132" s="97">
        <v>0.27123387029340768</v>
      </c>
      <c r="Q132" s="93">
        <v>8.0852077044341678E-2</v>
      </c>
      <c r="R132" s="97">
        <v>4.6695910725913413E-2</v>
      </c>
      <c r="S132" s="93">
        <v>4.3303782235280232E-2</v>
      </c>
      <c r="T132" s="82">
        <v>120</v>
      </c>
      <c r="U132" s="97">
        <v>0.62142808673930883</v>
      </c>
      <c r="V132" s="93">
        <v>8.7287281106571718E-2</v>
      </c>
      <c r="W132" s="97">
        <v>0.14804642510081881</v>
      </c>
      <c r="X132" s="93">
        <v>6.574424560946919E-2</v>
      </c>
      <c r="Y132" s="97">
        <v>0.18004754571348541</v>
      </c>
      <c r="Z132" s="93">
        <v>7.0511584856346732E-2</v>
      </c>
      <c r="AA132" s="97">
        <v>5.0477942446386398E-2</v>
      </c>
      <c r="AB132" s="93">
        <v>4.4270586065210227E-2</v>
      </c>
      <c r="AC132" s="82">
        <v>119</v>
      </c>
      <c r="AD132" s="97">
        <v>0.43645087546941086</v>
      </c>
      <c r="AE132" s="93">
        <v>8.9482687406560429E-2</v>
      </c>
      <c r="AF132" s="97">
        <v>0.24580031925737647</v>
      </c>
      <c r="AG132" s="93">
        <v>7.8505749876062347E-2</v>
      </c>
      <c r="AH132" s="97">
        <v>0.2677317513436831</v>
      </c>
      <c r="AI132" s="93">
        <v>8.0547567991516106E-2</v>
      </c>
      <c r="AJ132" s="97">
        <v>5.0017053929528224E-2</v>
      </c>
      <c r="AK132" s="93">
        <v>4.4345626886216766E-2</v>
      </c>
    </row>
    <row r="133" spans="1:37">
      <c r="A133" s="48" t="s">
        <v>353</v>
      </c>
      <c r="B133" s="140">
        <v>116</v>
      </c>
      <c r="C133" s="141">
        <v>0.36235712817851123</v>
      </c>
      <c r="D133" s="96">
        <v>8.7995535219795362E-2</v>
      </c>
      <c r="E133" s="141">
        <v>0.23620265810331134</v>
      </c>
      <c r="F133" s="96">
        <v>7.8522376944016356E-2</v>
      </c>
      <c r="G133" s="141">
        <v>0.40144021371817573</v>
      </c>
      <c r="H133" s="96">
        <v>8.9614503524430858E-2</v>
      </c>
      <c r="I133" s="141">
        <v>0</v>
      </c>
      <c r="J133" s="96">
        <v>2.3372982186625143E-2</v>
      </c>
      <c r="K133" s="140">
        <v>117</v>
      </c>
      <c r="L133" s="141">
        <v>0.28163592476785287</v>
      </c>
      <c r="M133" s="96">
        <v>8.2405489704251447E-2</v>
      </c>
      <c r="N133" s="141">
        <v>0.41574342704436523</v>
      </c>
      <c r="O133" s="96">
        <v>8.9694142986709316E-2</v>
      </c>
      <c r="P133" s="141">
        <v>0.26152875512508561</v>
      </c>
      <c r="Q133" s="96">
        <v>8.0664435274680923E-2</v>
      </c>
      <c r="R133" s="141">
        <v>4.1091893062694639E-2</v>
      </c>
      <c r="S133" s="96">
        <v>4.1895955475968548E-2</v>
      </c>
      <c r="T133" s="140">
        <v>117</v>
      </c>
      <c r="U133" s="141">
        <v>0.61690676356511676</v>
      </c>
      <c r="V133" s="96">
        <v>8.8555252172135904E-2</v>
      </c>
      <c r="W133" s="141">
        <v>0.13729982090484805</v>
      </c>
      <c r="X133" s="96">
        <v>6.4795273881428708E-2</v>
      </c>
      <c r="Y133" s="141">
        <v>0.18116578623850729</v>
      </c>
      <c r="Z133" s="96">
        <v>7.1571419970096833E-2</v>
      </c>
      <c r="AA133" s="141">
        <v>6.4627629291527017E-2</v>
      </c>
      <c r="AB133" s="96">
        <v>4.9049116036143599E-2</v>
      </c>
      <c r="AC133" s="140">
        <v>116</v>
      </c>
      <c r="AD133" s="141">
        <v>0.36903840730469745</v>
      </c>
      <c r="AE133" s="96">
        <v>8.8312588864311092E-2</v>
      </c>
      <c r="AF133" s="141">
        <v>0.27579775709856436</v>
      </c>
      <c r="AG133" s="96">
        <v>8.226554810777674E-2</v>
      </c>
      <c r="AH133" s="141">
        <v>0.26180854064989167</v>
      </c>
      <c r="AI133" s="96">
        <v>8.1031708683958537E-2</v>
      </c>
      <c r="AJ133" s="141">
        <v>9.335529494684483E-2</v>
      </c>
      <c r="AK133" s="96">
        <v>5.6415229924173083E-2</v>
      </c>
    </row>
    <row r="134" spans="1:37">
      <c r="A134" s="44" t="s">
        <v>369</v>
      </c>
      <c r="B134" s="138">
        <v>428</v>
      </c>
      <c r="C134" s="139">
        <v>0.30961542114417751</v>
      </c>
      <c r="D134" s="93">
        <v>4.4557685473335953E-2</v>
      </c>
      <c r="E134" s="139">
        <v>0.20053158918876274</v>
      </c>
      <c r="F134" s="93">
        <v>3.872645611528755E-2</v>
      </c>
      <c r="G134" s="139">
        <v>0.4834542200938205</v>
      </c>
      <c r="H134" s="93">
        <v>4.8086658211507122E-2</v>
      </c>
      <c r="I134" s="139">
        <v>6.3987695732394866E-3</v>
      </c>
      <c r="J134" s="93">
        <v>1.0022580550108342E-2</v>
      </c>
      <c r="K134" s="138">
        <v>423</v>
      </c>
      <c r="L134" s="139">
        <v>0.33395749363052046</v>
      </c>
      <c r="M134" s="93">
        <v>4.5699763788068323E-2</v>
      </c>
      <c r="N134" s="139">
        <v>0.25770696058538883</v>
      </c>
      <c r="O134" s="93">
        <v>4.2452762900930127E-2</v>
      </c>
      <c r="P134" s="139">
        <v>0.36668584924502495</v>
      </c>
      <c r="Q134" s="93">
        <v>4.6674793470612243E-2</v>
      </c>
      <c r="R134" s="139">
        <v>4.1649696539066333E-2</v>
      </c>
      <c r="S134" s="93">
        <v>2.0263505891404156E-2</v>
      </c>
      <c r="T134" s="138">
        <v>426</v>
      </c>
      <c r="U134" s="139">
        <v>0.46521982007330231</v>
      </c>
      <c r="V134" s="93">
        <v>4.8109636391748783E-2</v>
      </c>
      <c r="W134" s="139">
        <v>0.1815691504306427</v>
      </c>
      <c r="X134" s="93">
        <v>3.7414025224408815E-2</v>
      </c>
      <c r="Y134" s="139">
        <v>0.29142873880350684</v>
      </c>
      <c r="Z134" s="93">
        <v>4.3913615373481124E-2</v>
      </c>
      <c r="AA134" s="139">
        <v>6.1782290692548175E-2</v>
      </c>
      <c r="AB134" s="93">
        <v>2.3922619750394267E-2</v>
      </c>
      <c r="AC134" s="138">
        <v>420</v>
      </c>
      <c r="AD134" s="139">
        <v>0.34308378152347258</v>
      </c>
      <c r="AE134" s="93">
        <v>4.6158023097613153E-2</v>
      </c>
      <c r="AF134" s="139">
        <v>0.268155422586972</v>
      </c>
      <c r="AG134" s="93">
        <v>4.3138379244613015E-2</v>
      </c>
      <c r="AH134" s="139">
        <v>0.33709668061103565</v>
      </c>
      <c r="AI134" s="93">
        <v>4.5965620262768674E-2</v>
      </c>
      <c r="AJ134" s="139">
        <v>5.1664115278520543E-2</v>
      </c>
      <c r="AK134" s="93">
        <v>2.2312022628039829E-2</v>
      </c>
    </row>
    <row r="135" spans="1:37">
      <c r="A135" s="48" t="s">
        <v>354</v>
      </c>
      <c r="B135" s="140">
        <v>71</v>
      </c>
      <c r="C135" s="141">
        <v>0.26807063035114959</v>
      </c>
      <c r="D135" s="96">
        <v>0.10374160021620443</v>
      </c>
      <c r="E135" s="141">
        <v>0.21773195811089988</v>
      </c>
      <c r="F135" s="96">
        <v>9.759694360698859E-2</v>
      </c>
      <c r="G135" s="141">
        <v>0.51419741153795118</v>
      </c>
      <c r="H135" s="96">
        <v>0.1154283294139976</v>
      </c>
      <c r="I135" s="141">
        <v>0</v>
      </c>
      <c r="J135" s="96">
        <v>3.7206132509255738E-2</v>
      </c>
      <c r="K135" s="140">
        <v>70</v>
      </c>
      <c r="L135" s="141">
        <v>0.60201943737277996</v>
      </c>
      <c r="M135" s="96">
        <v>0.11406181573223657</v>
      </c>
      <c r="N135" s="141">
        <v>0.21869606930248975</v>
      </c>
      <c r="O135" s="96">
        <v>9.8417667034444489E-2</v>
      </c>
      <c r="P135" s="141">
        <v>0.1617172251480552</v>
      </c>
      <c r="Q135" s="96">
        <v>8.9322307235109658E-2</v>
      </c>
      <c r="R135" s="141">
        <v>1.7567268176675685E-2</v>
      </c>
      <c r="S135" s="96">
        <v>4.7499560256864692E-2</v>
      </c>
      <c r="T135" s="140">
        <v>70</v>
      </c>
      <c r="U135" s="141">
        <v>0.59437555185385504</v>
      </c>
      <c r="V135" s="96">
        <v>0.11437967180255784</v>
      </c>
      <c r="W135" s="141">
        <v>0.19171463636978203</v>
      </c>
      <c r="X135" s="96">
        <v>9.4427728195527971E-2</v>
      </c>
      <c r="Y135" s="141">
        <v>0.15337412998535224</v>
      </c>
      <c r="Z135" s="96">
        <v>8.7761526696347944E-2</v>
      </c>
      <c r="AA135" s="141">
        <v>6.0535681791011181E-2</v>
      </c>
      <c r="AB135" s="96">
        <v>6.4592535657610819E-2</v>
      </c>
      <c r="AC135" s="140">
        <v>68</v>
      </c>
      <c r="AD135" s="141">
        <v>0.57696265262767432</v>
      </c>
      <c r="AE135" s="96">
        <v>0.11659917270116757</v>
      </c>
      <c r="AF135" s="141">
        <v>0.31599257413116077</v>
      </c>
      <c r="AG135" s="96">
        <v>0.11050360637224658</v>
      </c>
      <c r="AH135" s="141">
        <v>8.891092733026501E-2</v>
      </c>
      <c r="AI135" s="96">
        <v>7.4259800475785093E-2</v>
      </c>
      <c r="AJ135" s="141">
        <v>1.8133845910900625E-2</v>
      </c>
      <c r="AK135" s="96">
        <v>4.8812453853918247E-2</v>
      </c>
    </row>
    <row r="136" spans="1:37">
      <c r="A136" s="44" t="s">
        <v>355</v>
      </c>
      <c r="B136" s="82">
        <v>76</v>
      </c>
      <c r="C136" s="97">
        <v>0.20533181097094899</v>
      </c>
      <c r="D136" s="93">
        <v>9.26381452704126E-2</v>
      </c>
      <c r="E136" s="97">
        <v>0.16704507900441379</v>
      </c>
      <c r="F136" s="93">
        <v>8.6588039323512431E-2</v>
      </c>
      <c r="G136" s="97">
        <v>0.60810737610013532</v>
      </c>
      <c r="H136" s="93">
        <v>0.10941944472934217</v>
      </c>
      <c r="I136" s="97">
        <v>1.9515733924502E-2</v>
      </c>
      <c r="J136" s="93">
        <v>4.563125037933749E-2</v>
      </c>
      <c r="K136" s="82">
        <v>76</v>
      </c>
      <c r="L136" s="97">
        <v>0.49423573402094101</v>
      </c>
      <c r="M136" s="93">
        <v>0.11179669334265767</v>
      </c>
      <c r="N136" s="97">
        <v>0.23991117224562175</v>
      </c>
      <c r="O136" s="93">
        <v>9.719807251530542E-2</v>
      </c>
      <c r="P136" s="97">
        <v>0.20446989149550526</v>
      </c>
      <c r="Q136" s="93">
        <v>9.2514164958131612E-2</v>
      </c>
      <c r="R136" s="97">
        <v>6.1383202237932116E-2</v>
      </c>
      <c r="S136" s="93">
        <v>6.1795150501741107E-2</v>
      </c>
      <c r="T136" s="82">
        <v>76</v>
      </c>
      <c r="U136" s="97">
        <v>0.72492519003559752</v>
      </c>
      <c r="V136" s="93">
        <v>0.10107950203822828</v>
      </c>
      <c r="W136" s="97">
        <v>0.10710976274991538</v>
      </c>
      <c r="X136" s="93">
        <v>7.4393423257670746E-2</v>
      </c>
      <c r="Y136" s="97">
        <v>0.12353462776232155</v>
      </c>
      <c r="Z136" s="93">
        <v>7.8131979916714139E-2</v>
      </c>
      <c r="AA136" s="97">
        <v>4.4430419452165512E-2</v>
      </c>
      <c r="AB136" s="93">
        <v>5.5987437182247329E-2</v>
      </c>
      <c r="AC136" s="82">
        <v>75</v>
      </c>
      <c r="AD136" s="97">
        <v>0.3097906158150634</v>
      </c>
      <c r="AE136" s="93">
        <v>0.10491500954742521</v>
      </c>
      <c r="AF136" s="97">
        <v>0.24954511139822474</v>
      </c>
      <c r="AG136" s="93">
        <v>9.897287740684757E-2</v>
      </c>
      <c r="AH136" s="97">
        <v>0.35826187183492791</v>
      </c>
      <c r="AI136" s="93">
        <v>0.10835786909051681</v>
      </c>
      <c r="AJ136" s="97">
        <v>8.2402400951783972E-2</v>
      </c>
      <c r="AK136" s="93">
        <v>6.8556430897377549E-2</v>
      </c>
    </row>
    <row r="137" spans="1:37">
      <c r="A137" s="48" t="s">
        <v>356</v>
      </c>
      <c r="B137" s="140">
        <v>67</v>
      </c>
      <c r="C137" s="141">
        <v>0.51803626087090937</v>
      </c>
      <c r="D137" s="96">
        <v>0.11860938733381172</v>
      </c>
      <c r="E137" s="141">
        <v>0.15698826447210468</v>
      </c>
      <c r="F137" s="96">
        <v>9.0453206769150044E-2</v>
      </c>
      <c r="G137" s="141">
        <v>0.3249754746569859</v>
      </c>
      <c r="H137" s="96">
        <v>0.11201631089363463</v>
      </c>
      <c r="I137" s="141">
        <v>0</v>
      </c>
      <c r="J137" s="96">
        <v>3.9271909274046654E-2</v>
      </c>
      <c r="K137" s="140">
        <v>66</v>
      </c>
      <c r="L137" s="141">
        <v>0.10581123935153787</v>
      </c>
      <c r="M137" s="96">
        <v>7.9952165187428689E-2</v>
      </c>
      <c r="N137" s="141">
        <v>0.23836107623972891</v>
      </c>
      <c r="O137" s="96">
        <v>0.1039628965259697</v>
      </c>
      <c r="P137" s="141">
        <v>0.62181499424054532</v>
      </c>
      <c r="Q137" s="96">
        <v>0.11632676319401697</v>
      </c>
      <c r="R137" s="141">
        <v>3.4012690168187955E-2</v>
      </c>
      <c r="S137" s="96">
        <v>5.7052988795650086E-2</v>
      </c>
      <c r="T137" s="140">
        <v>67</v>
      </c>
      <c r="U137" s="141">
        <v>0.22649558561043778</v>
      </c>
      <c r="V137" s="96">
        <v>0.10164467297381424</v>
      </c>
      <c r="W137" s="141">
        <v>7.8310461531542863E-2</v>
      </c>
      <c r="X137" s="96">
        <v>7.1856594218807773E-2</v>
      </c>
      <c r="Y137" s="141">
        <v>0.66576660820372335</v>
      </c>
      <c r="Z137" s="96">
        <v>0.11272061737742822</v>
      </c>
      <c r="AA137" s="141">
        <v>2.9427344654295765E-2</v>
      </c>
      <c r="AB137" s="96">
        <v>5.4545170118794527E-2</v>
      </c>
      <c r="AC137" s="140">
        <v>66</v>
      </c>
      <c r="AD137" s="141">
        <v>0.33580431514841713</v>
      </c>
      <c r="AE137" s="96">
        <v>0.11364931324770235</v>
      </c>
      <c r="AF137" s="141">
        <v>0.17391993681495371</v>
      </c>
      <c r="AG137" s="96">
        <v>9.4256911349780773E-2</v>
      </c>
      <c r="AH137" s="141">
        <v>0.42703061376038343</v>
      </c>
      <c r="AI137" s="96">
        <v>0.11838595484097089</v>
      </c>
      <c r="AJ137" s="141">
        <v>6.3245134276245632E-2</v>
      </c>
      <c r="AK137" s="96">
        <v>6.7790797704784092E-2</v>
      </c>
    </row>
    <row r="138" spans="1:37">
      <c r="A138" s="56" t="s">
        <v>357</v>
      </c>
      <c r="B138" s="138">
        <v>54</v>
      </c>
      <c r="C138" s="139">
        <v>0.14432085692965388</v>
      </c>
      <c r="D138" s="93">
        <v>9.8379973264815235E-2</v>
      </c>
      <c r="E138" s="139">
        <v>0.3018478704272558</v>
      </c>
      <c r="F138" s="93">
        <v>0.12204146950948395</v>
      </c>
      <c r="G138" s="139">
        <v>0.55383127264309029</v>
      </c>
      <c r="H138" s="93">
        <v>0.13064511255101591</v>
      </c>
      <c r="I138" s="139">
        <v>0</v>
      </c>
      <c r="J138" s="93">
        <v>4.7917816122734561E-2</v>
      </c>
      <c r="K138" s="138">
        <v>53</v>
      </c>
      <c r="L138" s="139">
        <v>0.34848776238589679</v>
      </c>
      <c r="M138" s="93">
        <v>0.12708689719032235</v>
      </c>
      <c r="N138" s="139">
        <v>0.23054725246761898</v>
      </c>
      <c r="O138" s="93">
        <v>0.11462457802746656</v>
      </c>
      <c r="P138" s="139">
        <v>0.37678763831834827</v>
      </c>
      <c r="Q138" s="93">
        <v>0.1289293725066433</v>
      </c>
      <c r="R138" s="139">
        <v>4.4177346828136149E-2</v>
      </c>
      <c r="S138" s="93">
        <v>7.0269560790873667E-2</v>
      </c>
      <c r="T138" s="138">
        <v>54</v>
      </c>
      <c r="U138" s="139">
        <v>0.48065552907990555</v>
      </c>
      <c r="V138" s="93">
        <v>0.13122122057972863</v>
      </c>
      <c r="W138" s="139">
        <v>0.20354570422719312</v>
      </c>
      <c r="X138" s="93">
        <v>0.10948750110133007</v>
      </c>
      <c r="Y138" s="139">
        <v>0.25360482444794347</v>
      </c>
      <c r="Z138" s="93">
        <v>0.11667063474195502</v>
      </c>
      <c r="AA138" s="139">
        <v>6.2193942244957973E-2</v>
      </c>
      <c r="AB138" s="93">
        <v>7.6045367612945294E-2</v>
      </c>
      <c r="AC138" s="138">
        <v>53</v>
      </c>
      <c r="AD138" s="139">
        <v>0.40040430537256477</v>
      </c>
      <c r="AE138" s="93">
        <v>0.13016158160223359</v>
      </c>
      <c r="AF138" s="139">
        <v>0.27606333091595336</v>
      </c>
      <c r="AG138" s="93">
        <v>0.12042138753646282</v>
      </c>
      <c r="AH138" s="139">
        <v>0.31175563448940746</v>
      </c>
      <c r="AI138" s="93">
        <v>0.12407213994323733</v>
      </c>
      <c r="AJ138" s="139">
        <v>1.1776729222074513E-2</v>
      </c>
      <c r="AK138" s="93">
        <v>5.5515771673968761E-2</v>
      </c>
    </row>
    <row r="139" spans="1:37">
      <c r="A139" s="48" t="s">
        <v>358</v>
      </c>
      <c r="B139" s="140">
        <v>98</v>
      </c>
      <c r="C139" s="141">
        <v>0.50768894901915806</v>
      </c>
      <c r="D139" s="96">
        <v>9.9003946445802668E-2</v>
      </c>
      <c r="E139" s="141">
        <v>0.15965029001227388</v>
      </c>
      <c r="F139" s="96">
        <v>7.4903665894624313E-2</v>
      </c>
      <c r="G139" s="141">
        <v>0.32110560007422717</v>
      </c>
      <c r="H139" s="96">
        <v>9.298062887035087E-2</v>
      </c>
      <c r="I139" s="141">
        <v>1.1555160894340581E-2</v>
      </c>
      <c r="J139" s="96">
        <v>3.4166125258571468E-2</v>
      </c>
      <c r="K139" s="140">
        <v>97</v>
      </c>
      <c r="L139" s="141">
        <v>0.53060480331901017</v>
      </c>
      <c r="M139" s="96">
        <v>9.9331641197691362E-2</v>
      </c>
      <c r="N139" s="141">
        <v>0.2872562120968245</v>
      </c>
      <c r="O139" s="96">
        <v>9.0816763798772765E-2</v>
      </c>
      <c r="P139" s="141">
        <v>0.16727477589493531</v>
      </c>
      <c r="Q139" s="96">
        <v>7.6530996420288461E-2</v>
      </c>
      <c r="R139" s="141">
        <v>1.4864208689229965E-2</v>
      </c>
      <c r="S139" s="96">
        <v>3.6105582710575491E-2</v>
      </c>
      <c r="T139" s="140">
        <v>98</v>
      </c>
      <c r="U139" s="141">
        <v>0.65250280586982812</v>
      </c>
      <c r="V139" s="96">
        <v>9.4667884801188207E-2</v>
      </c>
      <c r="W139" s="141">
        <v>0.16672642444001828</v>
      </c>
      <c r="X139" s="96">
        <v>7.6046782114682285E-2</v>
      </c>
      <c r="Y139" s="141">
        <v>0.14435206831338879</v>
      </c>
      <c r="Z139" s="96">
        <v>7.2284963872885452E-2</v>
      </c>
      <c r="AA139" s="141">
        <v>3.6418701376764548E-2</v>
      </c>
      <c r="AB139" s="96">
        <v>4.4991231919484641E-2</v>
      </c>
      <c r="AC139" s="140">
        <v>96</v>
      </c>
      <c r="AD139" s="141">
        <v>0.37519919379848732</v>
      </c>
      <c r="AE139" s="96">
        <v>9.708673600111821E-2</v>
      </c>
      <c r="AF139" s="141">
        <v>0.22095552643073169</v>
      </c>
      <c r="AG139" s="96">
        <v>8.4436689162862524E-2</v>
      </c>
      <c r="AH139" s="141">
        <v>0.36167612479991368</v>
      </c>
      <c r="AI139" s="96">
        <v>9.6408831859853966E-2</v>
      </c>
      <c r="AJ139" s="141">
        <v>4.2169154970867123E-2</v>
      </c>
      <c r="AK139" s="96">
        <v>4.7675683286330005E-2</v>
      </c>
    </row>
    <row r="140" spans="1:37">
      <c r="A140" s="56" t="s">
        <v>359</v>
      </c>
      <c r="B140" s="138">
        <v>116</v>
      </c>
      <c r="C140" s="139">
        <v>0.30354708786376583</v>
      </c>
      <c r="D140" s="93">
        <v>8.4446489530001001E-2</v>
      </c>
      <c r="E140" s="139">
        <v>0.19342091484535348</v>
      </c>
      <c r="F140" s="93">
        <v>7.3523438309498576E-2</v>
      </c>
      <c r="G140" s="139">
        <v>0.50242390123352587</v>
      </c>
      <c r="H140" s="93">
        <v>9.1286090554399624E-2</v>
      </c>
      <c r="I140" s="139">
        <v>6.080960573540187E-4</v>
      </c>
      <c r="J140" s="93">
        <v>2.3774478845843435E-2</v>
      </c>
      <c r="K140" s="138">
        <v>115</v>
      </c>
      <c r="L140" s="139">
        <v>0.2646783794216141</v>
      </c>
      <c r="M140" s="93">
        <v>8.1639490646256044E-2</v>
      </c>
      <c r="N140" s="139">
        <v>0.2739275290775266</v>
      </c>
      <c r="O140" s="93">
        <v>8.2455870575418783E-2</v>
      </c>
      <c r="P140" s="139">
        <v>0.42122710929886514</v>
      </c>
      <c r="Q140" s="93">
        <v>9.0601162154818393E-2</v>
      </c>
      <c r="R140" s="139">
        <v>4.0166982201993183E-2</v>
      </c>
      <c r="S140" s="93">
        <v>4.2020232999154354E-2</v>
      </c>
      <c r="T140" s="138">
        <v>115</v>
      </c>
      <c r="U140" s="139">
        <v>0.3973838825151968</v>
      </c>
      <c r="V140" s="93">
        <v>8.9848787741369507E-2</v>
      </c>
      <c r="W140" s="139">
        <v>0.26649890255537945</v>
      </c>
      <c r="X140" s="93">
        <v>8.180341880227307E-2</v>
      </c>
      <c r="Y140" s="139">
        <v>0.26166054894491236</v>
      </c>
      <c r="Z140" s="93">
        <v>8.1364207347393872E-2</v>
      </c>
      <c r="AA140" s="139">
        <v>7.4456665984510589E-2</v>
      </c>
      <c r="AB140" s="93">
        <v>5.2141433949737304E-2</v>
      </c>
      <c r="AC140" s="138">
        <v>115</v>
      </c>
      <c r="AD140" s="139">
        <v>0.26610069742450426</v>
      </c>
      <c r="AE140" s="93">
        <v>8.1767699407091624E-2</v>
      </c>
      <c r="AF140" s="139">
        <v>0.29608693631635846</v>
      </c>
      <c r="AG140" s="93">
        <v>8.4250090366972563E-2</v>
      </c>
      <c r="AH140" s="139">
        <v>0.38673580676367797</v>
      </c>
      <c r="AI140" s="93">
        <v>8.9446320521604269E-2</v>
      </c>
      <c r="AJ140" s="139">
        <v>5.10765594954583E-2</v>
      </c>
      <c r="AK140" s="93">
        <v>4.5573258967258168E-2</v>
      </c>
    </row>
    <row r="141" spans="1:37">
      <c r="A141" s="48" t="s">
        <v>371</v>
      </c>
      <c r="B141" s="140">
        <v>182</v>
      </c>
      <c r="C141" s="141">
        <v>0.41608720167245422</v>
      </c>
      <c r="D141" s="96">
        <v>7.2328141116378225E-2</v>
      </c>
      <c r="E141" s="141">
        <v>0.23598706504702582</v>
      </c>
      <c r="F141" s="96">
        <v>6.2778481537553152E-2</v>
      </c>
      <c r="G141" s="141">
        <v>0.3408749239589236</v>
      </c>
      <c r="H141" s="96">
        <v>6.9677685913699258E-2</v>
      </c>
      <c r="I141" s="141">
        <v>7.0508093215972964E-3</v>
      </c>
      <c r="J141" s="96">
        <v>1.9310857590256449E-2</v>
      </c>
      <c r="K141" s="140">
        <v>180</v>
      </c>
      <c r="L141" s="141">
        <v>0.53214814897050811</v>
      </c>
      <c r="M141" s="96">
        <v>7.3575005064129048E-2</v>
      </c>
      <c r="N141" s="141">
        <v>0.25898752117811424</v>
      </c>
      <c r="O141" s="96">
        <v>6.5010209250222065E-2</v>
      </c>
      <c r="P141" s="141">
        <v>0.15701637017069697</v>
      </c>
      <c r="Q141" s="96">
        <v>5.4657296129025763E-2</v>
      </c>
      <c r="R141" s="141">
        <v>5.1847959680681406E-2</v>
      </c>
      <c r="S141" s="96">
        <v>3.5446536146980977E-2</v>
      </c>
      <c r="T141" s="140">
        <v>182</v>
      </c>
      <c r="U141" s="141">
        <v>0.79728901037537636</v>
      </c>
      <c r="V141" s="96">
        <v>5.9636838708183121E-2</v>
      </c>
      <c r="W141" s="141">
        <v>0.10946829942818345</v>
      </c>
      <c r="X141" s="96">
        <v>4.7286416440983463E-2</v>
      </c>
      <c r="Y141" s="141">
        <v>4.5720498592886648E-2</v>
      </c>
      <c r="Z141" s="96">
        <v>3.3572523218312146E-2</v>
      </c>
      <c r="AA141" s="141">
        <v>4.752219160355408E-2</v>
      </c>
      <c r="AB141" s="96">
        <v>3.4069821706644993E-2</v>
      </c>
      <c r="AC141" s="140">
        <v>182</v>
      </c>
      <c r="AD141" s="141">
        <v>0.39864636179298402</v>
      </c>
      <c r="AE141" s="96">
        <v>7.1866740433195977E-2</v>
      </c>
      <c r="AF141" s="141">
        <v>0.22517686881825244</v>
      </c>
      <c r="AG141" s="96">
        <v>6.1815859384909959E-2</v>
      </c>
      <c r="AH141" s="141">
        <v>0.28668184985881279</v>
      </c>
      <c r="AI141" s="96">
        <v>6.6628727426052567E-2</v>
      </c>
      <c r="AJ141" s="141">
        <v>8.9494919529951741E-2</v>
      </c>
      <c r="AK141" s="96">
        <v>4.3664305011550601E-2</v>
      </c>
    </row>
    <row r="142" spans="1:37">
      <c r="A142" s="56" t="s">
        <v>360</v>
      </c>
      <c r="B142" s="138">
        <v>103</v>
      </c>
      <c r="C142" s="139">
        <v>0.47092849253438929</v>
      </c>
      <c r="D142" s="93">
        <v>9.6522111229191965E-2</v>
      </c>
      <c r="E142" s="139">
        <v>0.24236556698737485</v>
      </c>
      <c r="F142" s="93">
        <v>8.3943548748010202E-2</v>
      </c>
      <c r="G142" s="139">
        <v>0.28670594047823583</v>
      </c>
      <c r="H142" s="93">
        <v>8.814675801751512E-2</v>
      </c>
      <c r="I142" s="139">
        <v>0</v>
      </c>
      <c r="J142" s="93">
        <v>2.6185687246820841E-2</v>
      </c>
      <c r="K142" s="138">
        <v>103</v>
      </c>
      <c r="L142" s="139">
        <v>0.54177990912103002</v>
      </c>
      <c r="M142" s="93">
        <v>9.6360403895045049E-2</v>
      </c>
      <c r="N142" s="139">
        <v>0.3186492816492475</v>
      </c>
      <c r="O142" s="93">
        <v>9.0589941446118302E-2</v>
      </c>
      <c r="P142" s="139">
        <v>0.10304268126531964</v>
      </c>
      <c r="Q142" s="93">
        <v>6.2348430771202709E-2</v>
      </c>
      <c r="R142" s="139">
        <v>3.6528127964402593E-2</v>
      </c>
      <c r="S142" s="93">
        <v>4.3644231457553959E-2</v>
      </c>
      <c r="T142" s="138">
        <v>103</v>
      </c>
      <c r="U142" s="139">
        <v>0.78437643213284391</v>
      </c>
      <c r="V142" s="93">
        <v>8.0897623248302616E-2</v>
      </c>
      <c r="W142" s="139">
        <v>0.10758597040680058</v>
      </c>
      <c r="X142" s="93">
        <v>6.3336870861256084E-2</v>
      </c>
      <c r="Y142" s="139">
        <v>4.9095518106376496E-2</v>
      </c>
      <c r="Z142" s="93">
        <v>4.7988365302411809E-2</v>
      </c>
      <c r="AA142" s="139">
        <v>5.8942079353978903E-2</v>
      </c>
      <c r="AB142" s="93">
        <v>5.1059981929929006E-2</v>
      </c>
      <c r="AC142" s="138">
        <v>103</v>
      </c>
      <c r="AD142" s="139">
        <v>0.46284594973968951</v>
      </c>
      <c r="AE142" s="93">
        <v>9.6426012823106602E-2</v>
      </c>
      <c r="AF142" s="139">
        <v>0.15114565763865717</v>
      </c>
      <c r="AG142" s="93">
        <v>7.1624563665559082E-2</v>
      </c>
      <c r="AH142" s="139">
        <v>0.28327383242026499</v>
      </c>
      <c r="AI142" s="93">
        <v>8.7856280329217898E-2</v>
      </c>
      <c r="AJ142" s="139">
        <v>0.10273456020138816</v>
      </c>
      <c r="AK142" s="93">
        <v>6.2280412081517494E-2</v>
      </c>
    </row>
    <row r="143" spans="1:37">
      <c r="A143" s="48" t="s">
        <v>370</v>
      </c>
      <c r="B143" s="140">
        <v>293</v>
      </c>
      <c r="C143" s="141">
        <v>0.4279585339359071</v>
      </c>
      <c r="D143" s="96">
        <v>5.7436703034599523E-2</v>
      </c>
      <c r="E143" s="141">
        <v>0.2214294046025303</v>
      </c>
      <c r="F143" s="96">
        <v>4.8475010131858877E-2</v>
      </c>
      <c r="G143" s="141">
        <v>0.34581902463592362</v>
      </c>
      <c r="H143" s="96">
        <v>5.5275768043247242E-2</v>
      </c>
      <c r="I143" s="141">
        <v>4.7930368256380012E-3</v>
      </c>
      <c r="J143" s="96">
        <v>1.2353438255869351E-2</v>
      </c>
      <c r="K143" s="140">
        <v>292</v>
      </c>
      <c r="L143" s="141">
        <v>0.38430883176372033</v>
      </c>
      <c r="M143" s="96">
        <v>5.6589423515880387E-2</v>
      </c>
      <c r="N143" s="141">
        <v>0.26264434534255521</v>
      </c>
      <c r="O143" s="96">
        <v>5.1356549861673956E-2</v>
      </c>
      <c r="P143" s="141">
        <v>0.3241335725715328</v>
      </c>
      <c r="Q143" s="96">
        <v>5.451273971229869E-2</v>
      </c>
      <c r="R143" s="141">
        <v>2.8913250322190984E-2</v>
      </c>
      <c r="S143" s="96">
        <v>2.1445928031220935E-2</v>
      </c>
      <c r="T143" s="140">
        <v>293</v>
      </c>
      <c r="U143" s="141">
        <v>0.60068277446623208</v>
      </c>
      <c r="V143" s="96">
        <v>5.6869416404291127E-2</v>
      </c>
      <c r="W143" s="141">
        <v>0.14662743494248093</v>
      </c>
      <c r="X143" s="96">
        <v>4.1595897906347726E-2</v>
      </c>
      <c r="Y143" s="141">
        <v>0.1581643549434876</v>
      </c>
      <c r="Z143" s="96">
        <v>4.2840981422733002E-2</v>
      </c>
      <c r="AA143" s="141">
        <v>9.4525435647799083E-2</v>
      </c>
      <c r="AB143" s="96">
        <v>3.4813422437095586E-2</v>
      </c>
      <c r="AC143" s="140">
        <v>292</v>
      </c>
      <c r="AD143" s="141">
        <v>0.320280517341478</v>
      </c>
      <c r="AE143" s="96">
        <v>5.4347226699820839E-2</v>
      </c>
      <c r="AF143" s="141">
        <v>0.23553093714118245</v>
      </c>
      <c r="AG143" s="96">
        <v>4.9583906126532011E-2</v>
      </c>
      <c r="AH143" s="141">
        <v>0.34328947716575187</v>
      </c>
      <c r="AI143" s="96">
        <v>5.5275851497380409E-2</v>
      </c>
      <c r="AJ143" s="141">
        <v>0.10089906835158688</v>
      </c>
      <c r="AK143" s="96">
        <v>3.5828847279149506E-2</v>
      </c>
    </row>
    <row r="144" spans="1:37">
      <c r="A144" s="56" t="s">
        <v>361</v>
      </c>
      <c r="B144" s="138">
        <v>127</v>
      </c>
      <c r="C144" s="139">
        <v>0.35300304159513696</v>
      </c>
      <c r="D144" s="93">
        <v>8.3746496238380069E-2</v>
      </c>
      <c r="E144" s="139">
        <v>0.18717863149771069</v>
      </c>
      <c r="F144" s="93">
        <v>6.9464157886441807E-2</v>
      </c>
      <c r="G144" s="139">
        <v>0.45981832690715196</v>
      </c>
      <c r="H144" s="93">
        <v>8.7104837652175748E-2</v>
      </c>
      <c r="I144" s="139">
        <v>0</v>
      </c>
      <c r="J144" s="93">
        <v>2.1425595681499328E-2</v>
      </c>
      <c r="K144" s="138">
        <v>126</v>
      </c>
      <c r="L144" s="139">
        <v>0.42531887889270897</v>
      </c>
      <c r="M144" s="93">
        <v>8.6781895754786065E-2</v>
      </c>
      <c r="N144" s="139">
        <v>0.26537315523270721</v>
      </c>
      <c r="O144" s="93">
        <v>7.8109548891670641E-2</v>
      </c>
      <c r="P144" s="139">
        <v>0.27760352694973195</v>
      </c>
      <c r="Q144" s="93">
        <v>7.9137015871433375E-2</v>
      </c>
      <c r="R144" s="139">
        <v>3.1704438924851405E-2</v>
      </c>
      <c r="S144" s="93">
        <v>3.6789243902878375E-2</v>
      </c>
      <c r="T144" s="138">
        <v>127</v>
      </c>
      <c r="U144" s="139">
        <v>0.71153893571090487</v>
      </c>
      <c r="V144" s="93">
        <v>7.9683017758463731E-2</v>
      </c>
      <c r="W144" s="139">
        <v>0.10571958783298051</v>
      </c>
      <c r="X144" s="93">
        <v>5.6322836239896236E-2</v>
      </c>
      <c r="Y144" s="139">
        <v>0.12305850392940666</v>
      </c>
      <c r="Z144" s="93">
        <v>5.9632353560619931E-2</v>
      </c>
      <c r="AA144" s="139">
        <v>5.9682972526707706E-2</v>
      </c>
      <c r="AB144" s="93">
        <v>4.5493090462521819E-2</v>
      </c>
      <c r="AC144" s="138">
        <v>127</v>
      </c>
      <c r="AD144" s="139">
        <v>0.36022221250913267</v>
      </c>
      <c r="AE144" s="93">
        <v>8.4100467728135717E-2</v>
      </c>
      <c r="AF144" s="139">
        <v>0.19271853635294633</v>
      </c>
      <c r="AG144" s="93">
        <v>7.0170194611300474E-2</v>
      </c>
      <c r="AH144" s="139">
        <v>0.33916657576410586</v>
      </c>
      <c r="AI144" s="93">
        <v>8.3013505796320289E-2</v>
      </c>
      <c r="AJ144" s="139">
        <v>0.10789267537381471</v>
      </c>
      <c r="AK144" s="93">
        <v>5.6756530955991695E-2</v>
      </c>
    </row>
    <row r="145" spans="1:37">
      <c r="A145" s="48" t="s">
        <v>375</v>
      </c>
      <c r="B145" s="140">
        <v>112</v>
      </c>
      <c r="C145" s="141">
        <v>0.47395622460674774</v>
      </c>
      <c r="D145" s="96">
        <v>9.2730178299962093E-2</v>
      </c>
      <c r="E145" s="141">
        <v>0.27759074207602147</v>
      </c>
      <c r="F145" s="96">
        <v>8.3848538309760023E-2</v>
      </c>
      <c r="G145" s="141">
        <v>0.23713954954701591</v>
      </c>
      <c r="H145" s="96">
        <v>7.9997292978904233E-2</v>
      </c>
      <c r="I145" s="141">
        <v>1.1313483770214763E-2</v>
      </c>
      <c r="J145" s="96">
        <v>3.072205217478801E-2</v>
      </c>
      <c r="K145" s="140">
        <v>112</v>
      </c>
      <c r="L145" s="141">
        <v>0.26336543668664752</v>
      </c>
      <c r="M145" s="96">
        <v>8.2587318107520846E-2</v>
      </c>
      <c r="N145" s="141">
        <v>0.26718305278564869</v>
      </c>
      <c r="O145" s="96">
        <v>8.2935372825481177E-2</v>
      </c>
      <c r="P145" s="141">
        <v>0.43265337169859358</v>
      </c>
      <c r="Q145" s="96">
        <v>9.2059170703416598E-2</v>
      </c>
      <c r="R145" s="141">
        <v>3.6798138829110122E-2</v>
      </c>
      <c r="S145" s="96">
        <v>4.1516876004913203E-2</v>
      </c>
      <c r="T145" s="140">
        <v>112</v>
      </c>
      <c r="U145" s="141">
        <v>0.44898514829698849</v>
      </c>
      <c r="V145" s="96">
        <v>9.2396050474826935E-2</v>
      </c>
      <c r="W145" s="141">
        <v>0.18117615921247165</v>
      </c>
      <c r="X145" s="96">
        <v>7.3165081006373547E-2</v>
      </c>
      <c r="Y145" s="141">
        <v>0.20658196664156062</v>
      </c>
      <c r="Z145" s="96">
        <v>7.6505806315398786E-2</v>
      </c>
      <c r="AA145" s="141">
        <v>0.16325672584897902</v>
      </c>
      <c r="AB145" s="96">
        <v>7.0537236095046321E-2</v>
      </c>
      <c r="AC145" s="140">
        <v>112</v>
      </c>
      <c r="AD145" s="141">
        <v>0.24451311682074631</v>
      </c>
      <c r="AE145" s="96">
        <v>8.0761560991767609E-2</v>
      </c>
      <c r="AF145" s="141">
        <v>0.29749016309113691</v>
      </c>
      <c r="AG145" s="96">
        <v>8.5454019558617589E-2</v>
      </c>
      <c r="AH145" s="141">
        <v>0.3346712553330275</v>
      </c>
      <c r="AI145" s="96">
        <v>8.7988827723716703E-2</v>
      </c>
      <c r="AJ145" s="141">
        <v>0.12332546475508907</v>
      </c>
      <c r="AK145" s="96">
        <v>6.3716145657539414E-2</v>
      </c>
    </row>
    <row r="146" spans="1:37">
      <c r="A146" s="56" t="s">
        <v>358</v>
      </c>
      <c r="B146" s="138">
        <v>98</v>
      </c>
      <c r="C146" s="139">
        <v>0.50768894901915806</v>
      </c>
      <c r="D146" s="93">
        <v>9.9003946445802668E-2</v>
      </c>
      <c r="E146" s="139">
        <v>0.15965029001227388</v>
      </c>
      <c r="F146" s="93">
        <v>7.4903665894624313E-2</v>
      </c>
      <c r="G146" s="139">
        <v>0.32110560007422717</v>
      </c>
      <c r="H146" s="93">
        <v>9.298062887035087E-2</v>
      </c>
      <c r="I146" s="139">
        <v>1.1555160894340581E-2</v>
      </c>
      <c r="J146" s="93">
        <v>3.4166125258571468E-2</v>
      </c>
      <c r="K146" s="138">
        <v>97</v>
      </c>
      <c r="L146" s="139">
        <v>0.53060480331901017</v>
      </c>
      <c r="M146" s="93">
        <v>9.9331641197691362E-2</v>
      </c>
      <c r="N146" s="139">
        <v>0.2872562120968245</v>
      </c>
      <c r="O146" s="93">
        <v>9.0816763798772765E-2</v>
      </c>
      <c r="P146" s="139">
        <v>0.16727477589493531</v>
      </c>
      <c r="Q146" s="93">
        <v>7.6530996420288461E-2</v>
      </c>
      <c r="R146" s="139">
        <v>1.4864208689229965E-2</v>
      </c>
      <c r="S146" s="93">
        <v>3.6105582710575491E-2</v>
      </c>
      <c r="T146" s="138">
        <v>98</v>
      </c>
      <c r="U146" s="139">
        <v>0.65250280586982812</v>
      </c>
      <c r="V146" s="93">
        <v>9.4667884801188207E-2</v>
      </c>
      <c r="W146" s="139">
        <v>0.16672642444001828</v>
      </c>
      <c r="X146" s="93">
        <v>7.6046782114682285E-2</v>
      </c>
      <c r="Y146" s="139">
        <v>0.14435206831338879</v>
      </c>
      <c r="Z146" s="93">
        <v>7.2284963872885452E-2</v>
      </c>
      <c r="AA146" s="139">
        <v>3.6418701376764548E-2</v>
      </c>
      <c r="AB146" s="93">
        <v>4.4991231919484641E-2</v>
      </c>
      <c r="AC146" s="138">
        <v>96</v>
      </c>
      <c r="AD146" s="139">
        <v>0.37519919379848732</v>
      </c>
      <c r="AE146" s="93">
        <v>9.708673600111821E-2</v>
      </c>
      <c r="AF146" s="139">
        <v>0.22095552643073169</v>
      </c>
      <c r="AG146" s="93">
        <v>8.4436689162862524E-2</v>
      </c>
      <c r="AH146" s="139">
        <v>0.36167612479991368</v>
      </c>
      <c r="AI146" s="93">
        <v>9.6408831859853966E-2</v>
      </c>
      <c r="AJ146" s="139">
        <v>4.2169154970867123E-2</v>
      </c>
      <c r="AK146" s="93">
        <v>4.7675683286330005E-2</v>
      </c>
    </row>
    <row r="147" spans="1:37">
      <c r="R147" s="245"/>
      <c r="S147" s="245"/>
      <c r="T147" s="245"/>
      <c r="U147" s="245"/>
      <c r="V147" s="245"/>
      <c r="W147" s="245"/>
      <c r="X147" s="245"/>
      <c r="Y147" s="245"/>
      <c r="Z147" s="245"/>
      <c r="AA147" s="245"/>
      <c r="AB147" s="245"/>
      <c r="AC147" s="245"/>
      <c r="AD147" s="245"/>
      <c r="AE147" s="245"/>
    </row>
  </sheetData>
  <mergeCells count="23">
    <mergeCell ref="K121:S121"/>
    <mergeCell ref="B121:J121"/>
    <mergeCell ref="T121:AB121"/>
    <mergeCell ref="I34:Q34"/>
    <mergeCell ref="A120:AK120"/>
    <mergeCell ref="A119:AK119"/>
    <mergeCell ref="AC121:AK121"/>
    <mergeCell ref="B34:H34"/>
    <mergeCell ref="A90:D90"/>
    <mergeCell ref="A91:D91"/>
    <mergeCell ref="A92:D92"/>
    <mergeCell ref="B63:H63"/>
    <mergeCell ref="I63:J63"/>
    <mergeCell ref="K63:L63"/>
    <mergeCell ref="M63:N63"/>
    <mergeCell ref="O63:P63"/>
    <mergeCell ref="A61:P61"/>
    <mergeCell ref="A62:P62"/>
    <mergeCell ref="A3:D3"/>
    <mergeCell ref="A4:D4"/>
    <mergeCell ref="A5:D5"/>
    <mergeCell ref="A32:Q32"/>
    <mergeCell ref="A33:Q3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B175"/>
  <sheetViews>
    <sheetView zoomScaleNormal="100" workbookViewId="0"/>
  </sheetViews>
  <sheetFormatPr defaultColWidth="16.5703125" defaultRowHeight="15"/>
  <cols>
    <col min="1" max="1" width="57.140625" customWidth="1"/>
  </cols>
  <sheetData>
    <row r="1" spans="1:15" ht="31.5">
      <c r="A1" s="32" t="s">
        <v>40</v>
      </c>
    </row>
    <row r="3" spans="1:15" ht="18.75">
      <c r="A3" s="340" t="s">
        <v>3</v>
      </c>
      <c r="B3" s="340"/>
      <c r="C3" s="340"/>
      <c r="D3" s="340"/>
      <c r="E3" s="340"/>
      <c r="F3" s="340"/>
      <c r="G3" s="340"/>
      <c r="H3" s="340"/>
      <c r="I3" s="340"/>
      <c r="J3" s="340"/>
      <c r="K3" s="340"/>
      <c r="L3" s="340"/>
      <c r="M3" s="340"/>
      <c r="N3" s="340"/>
      <c r="O3" s="340"/>
    </row>
    <row r="4" spans="1:15" ht="42" customHeight="1">
      <c r="A4" s="361" t="s">
        <v>377</v>
      </c>
      <c r="B4" s="361"/>
      <c r="C4" s="361"/>
      <c r="D4" s="361"/>
      <c r="E4" s="361"/>
      <c r="F4" s="361"/>
      <c r="G4" s="361"/>
      <c r="H4" s="361"/>
      <c r="I4" s="361"/>
      <c r="J4" s="361"/>
      <c r="K4" s="361"/>
      <c r="L4" s="361"/>
      <c r="M4" s="361"/>
      <c r="N4" s="361"/>
      <c r="O4" s="361"/>
    </row>
    <row r="5" spans="1:15" ht="15.75">
      <c r="A5" s="392" t="s">
        <v>115</v>
      </c>
      <c r="B5" s="392"/>
      <c r="C5" s="392"/>
      <c r="D5" s="392"/>
      <c r="E5" s="385" t="s">
        <v>31</v>
      </c>
      <c r="F5" s="385"/>
      <c r="G5" s="385"/>
      <c r="H5" s="385"/>
      <c r="I5" s="385"/>
      <c r="J5" s="385"/>
      <c r="K5" s="385"/>
      <c r="L5" s="385"/>
      <c r="M5" s="385"/>
      <c r="N5" s="385"/>
      <c r="O5" s="385"/>
    </row>
    <row r="6" spans="1:15" ht="72">
      <c r="A6" s="36" t="s">
        <v>70</v>
      </c>
      <c r="B6" s="37" t="s">
        <v>71</v>
      </c>
      <c r="C6" s="38" t="s">
        <v>593</v>
      </c>
      <c r="D6" s="39" t="s">
        <v>72</v>
      </c>
      <c r="E6" s="64" t="s">
        <v>71</v>
      </c>
      <c r="F6" s="64" t="s">
        <v>307</v>
      </c>
      <c r="G6" s="87" t="s">
        <v>142</v>
      </c>
      <c r="H6" s="64" t="s">
        <v>308</v>
      </c>
      <c r="I6" s="87" t="s">
        <v>198</v>
      </c>
      <c r="J6" s="64" t="s">
        <v>309</v>
      </c>
      <c r="K6" s="87" t="s">
        <v>200</v>
      </c>
      <c r="L6" s="64" t="s">
        <v>310</v>
      </c>
      <c r="M6" s="87" t="s">
        <v>201</v>
      </c>
      <c r="N6" s="64" t="s">
        <v>311</v>
      </c>
      <c r="O6" s="87" t="s">
        <v>204</v>
      </c>
    </row>
    <row r="7" spans="1:15" ht="84">
      <c r="A7" s="40"/>
      <c r="B7" s="41" t="s">
        <v>73</v>
      </c>
      <c r="C7" s="42" t="s">
        <v>117</v>
      </c>
      <c r="D7" s="43" t="s">
        <v>75</v>
      </c>
      <c r="E7" s="67" t="s">
        <v>73</v>
      </c>
      <c r="F7" s="67" t="s">
        <v>199</v>
      </c>
      <c r="G7" s="89" t="s">
        <v>87</v>
      </c>
      <c r="H7" s="67" t="s">
        <v>197</v>
      </c>
      <c r="I7" s="89" t="s">
        <v>87</v>
      </c>
      <c r="J7" s="67" t="s">
        <v>179</v>
      </c>
      <c r="K7" s="89" t="s">
        <v>87</v>
      </c>
      <c r="L7" s="67" t="s">
        <v>202</v>
      </c>
      <c r="M7" s="89" t="s">
        <v>87</v>
      </c>
      <c r="N7" s="67" t="s">
        <v>203</v>
      </c>
      <c r="O7" s="89" t="s">
        <v>87</v>
      </c>
    </row>
    <row r="8" spans="1:15">
      <c r="A8" s="44" t="s">
        <v>349</v>
      </c>
      <c r="B8" s="142">
        <v>13292</v>
      </c>
      <c r="C8" s="143">
        <v>3.2157016365461688</v>
      </c>
      <c r="D8" s="129">
        <v>1.7780956282388603E-2</v>
      </c>
      <c r="E8" s="121">
        <v>13292</v>
      </c>
      <c r="F8" s="144">
        <v>6.2783561717994235E-2</v>
      </c>
      <c r="G8" s="93">
        <v>4.2114959915721759E-3</v>
      </c>
      <c r="H8" s="145">
        <v>0.17780663032393992</v>
      </c>
      <c r="I8" s="93">
        <v>6.6332015775098967E-3</v>
      </c>
      <c r="J8" s="145">
        <v>0.3416360823384445</v>
      </c>
      <c r="K8" s="93">
        <v>8.2261937645276111E-3</v>
      </c>
      <c r="L8" s="145">
        <v>0.31647206093319324</v>
      </c>
      <c r="M8" s="93">
        <v>8.0674383547051955E-3</v>
      </c>
      <c r="N8" s="145">
        <v>0.10130166468644919</v>
      </c>
      <c r="O8" s="93">
        <v>5.2361578177108868E-3</v>
      </c>
    </row>
    <row r="9" spans="1:15">
      <c r="A9" s="48" t="s">
        <v>350</v>
      </c>
      <c r="B9" s="146">
        <v>9796</v>
      </c>
      <c r="C9" s="147">
        <v>3.1677388723754865</v>
      </c>
      <c r="D9" s="131">
        <v>2.0622751460591306E-2</v>
      </c>
      <c r="E9" s="124">
        <v>9796</v>
      </c>
      <c r="F9" s="148">
        <v>6.6599940263533552E-2</v>
      </c>
      <c r="G9" s="96">
        <v>5.0433909924152802E-3</v>
      </c>
      <c r="H9" s="149">
        <v>0.19702726166794071</v>
      </c>
      <c r="I9" s="96">
        <v>8.0377283107085015E-3</v>
      </c>
      <c r="J9" s="149">
        <v>0.33133051246887235</v>
      </c>
      <c r="K9" s="96">
        <v>9.5099051097896903E-3</v>
      </c>
      <c r="L9" s="149">
        <v>0.31211855662881605</v>
      </c>
      <c r="M9" s="96">
        <v>9.3618717216014669E-3</v>
      </c>
      <c r="N9" s="149">
        <v>9.2923728970839517E-2</v>
      </c>
      <c r="O9" s="96">
        <v>5.8701651861999176E-3</v>
      </c>
    </row>
    <row r="10" spans="1:15">
      <c r="A10" s="44" t="s">
        <v>351</v>
      </c>
      <c r="B10" s="53">
        <v>3496</v>
      </c>
      <c r="C10" s="54">
        <v>3.2554944223628399</v>
      </c>
      <c r="D10" s="55">
        <v>3.5091350706499054E-2</v>
      </c>
      <c r="E10" s="82">
        <v>3496</v>
      </c>
      <c r="F10" s="97">
        <v>5.9617265181835959E-2</v>
      </c>
      <c r="G10" s="93">
        <v>8.036067128565123E-3</v>
      </c>
      <c r="H10" s="97">
        <v>0.16186004176594918</v>
      </c>
      <c r="I10" s="93">
        <v>1.246354981528444E-2</v>
      </c>
      <c r="J10" s="97">
        <v>0.35018620119896093</v>
      </c>
      <c r="K10" s="93">
        <v>1.6128310418774845E-2</v>
      </c>
      <c r="L10" s="97">
        <v>0.32008398921403775</v>
      </c>
      <c r="M10" s="93">
        <v>1.5773546564941746E-2</v>
      </c>
      <c r="N10" s="97">
        <v>0.10825250263921539</v>
      </c>
      <c r="O10" s="93">
        <v>1.0522600304761372E-2</v>
      </c>
    </row>
    <row r="11" spans="1:15">
      <c r="A11" s="48" t="s">
        <v>558</v>
      </c>
      <c r="B11" s="146">
        <v>320</v>
      </c>
      <c r="C11" s="147">
        <v>3.2642438482311391</v>
      </c>
      <c r="D11" s="131">
        <v>0.1172207962624835</v>
      </c>
      <c r="E11" s="124">
        <v>320</v>
      </c>
      <c r="F11" s="148">
        <v>6.7810549256724556E-2</v>
      </c>
      <c r="G11" s="96">
        <v>2.8930707290397092E-2</v>
      </c>
      <c r="H11" s="149">
        <v>0.15472726949056362</v>
      </c>
      <c r="I11" s="96">
        <v>4.0629629282884216E-2</v>
      </c>
      <c r="J11" s="149">
        <v>0.33645534676780714</v>
      </c>
      <c r="K11" s="96">
        <v>5.2576750001064008E-2</v>
      </c>
      <c r="L11" s="149">
        <v>0.32742145273465745</v>
      </c>
      <c r="M11" s="96">
        <v>5.2227836229102771E-2</v>
      </c>
      <c r="N11" s="149">
        <v>0.1135853817502479</v>
      </c>
      <c r="O11" s="96">
        <v>3.5892123317085238E-2</v>
      </c>
    </row>
    <row r="12" spans="1:15">
      <c r="A12" s="44" t="s">
        <v>559</v>
      </c>
      <c r="B12" s="53">
        <v>3434</v>
      </c>
      <c r="C12" s="54">
        <v>3.2467151468097031</v>
      </c>
      <c r="D12" s="55">
        <v>3.4797352858310399E-2</v>
      </c>
      <c r="E12" s="82">
        <v>3434</v>
      </c>
      <c r="F12" s="97">
        <v>6.2376446520794965E-2</v>
      </c>
      <c r="G12" s="93">
        <v>8.2803556898311849E-3</v>
      </c>
      <c r="H12" s="97">
        <v>0.16341426386960542</v>
      </c>
      <c r="I12" s="93">
        <v>1.2623952374182243E-2</v>
      </c>
      <c r="J12" s="97">
        <v>0.35116299875696444</v>
      </c>
      <c r="K12" s="93">
        <v>1.6283521450447438E-2</v>
      </c>
      <c r="L12" s="97">
        <v>0.31121027798439643</v>
      </c>
      <c r="M12" s="93">
        <v>1.5795424561922872E-2</v>
      </c>
      <c r="N12" s="97">
        <v>0.1118360128682518</v>
      </c>
      <c r="O12" s="93">
        <v>1.0769093589260689E-2</v>
      </c>
    </row>
    <row r="13" spans="1:15">
      <c r="A13" s="48" t="s">
        <v>560</v>
      </c>
      <c r="B13" s="146">
        <v>2839</v>
      </c>
      <c r="C13" s="147">
        <v>3.1810612597952379</v>
      </c>
      <c r="D13" s="131">
        <v>3.8311742151550907E-2</v>
      </c>
      <c r="E13" s="124">
        <v>2839</v>
      </c>
      <c r="F13" s="148">
        <v>6.9182794586872529E-2</v>
      </c>
      <c r="G13" s="96">
        <v>9.557088631852572E-3</v>
      </c>
      <c r="H13" s="149">
        <v>0.19718138962756387</v>
      </c>
      <c r="I13" s="96">
        <v>1.493608106977758E-2</v>
      </c>
      <c r="J13" s="149">
        <v>0.32460662809049651</v>
      </c>
      <c r="K13" s="96">
        <v>1.7566462651754194E-2</v>
      </c>
      <c r="L13" s="149">
        <v>0.30145013679358929</v>
      </c>
      <c r="M13" s="96">
        <v>1.7217190920950413E-2</v>
      </c>
      <c r="N13" s="149">
        <v>0.10757905090147435</v>
      </c>
      <c r="O13" s="96">
        <v>1.164843325694203E-2</v>
      </c>
    </row>
    <row r="14" spans="1:15">
      <c r="A14" s="44" t="s">
        <v>368</v>
      </c>
      <c r="B14" s="53">
        <v>153</v>
      </c>
      <c r="C14" s="54">
        <v>3.1636079367321406</v>
      </c>
      <c r="D14" s="55">
        <v>0.16867458001735064</v>
      </c>
      <c r="E14" s="82">
        <v>153</v>
      </c>
      <c r="F14" s="97">
        <v>5.8170540085749678E-2</v>
      </c>
      <c r="G14" s="93">
        <v>4.0571454885966148E-2</v>
      </c>
      <c r="H14" s="97">
        <v>0.2423829955305104</v>
      </c>
      <c r="I14" s="93">
        <v>6.9018991783728459E-2</v>
      </c>
      <c r="J14" s="97">
        <v>0.28182243893626152</v>
      </c>
      <c r="K14" s="93">
        <v>7.2233380536468481E-2</v>
      </c>
      <c r="L14" s="97">
        <v>0.31291603846080734</v>
      </c>
      <c r="M14" s="93">
        <v>7.4313903407955337E-2</v>
      </c>
      <c r="N14" s="97">
        <v>0.10470798698667037</v>
      </c>
      <c r="O14" s="93">
        <v>5.0878868122540388E-2</v>
      </c>
    </row>
    <row r="15" spans="1:15">
      <c r="A15" s="48" t="s">
        <v>150</v>
      </c>
      <c r="B15" s="146">
        <v>265</v>
      </c>
      <c r="C15" s="147">
        <v>3.4083622045029309</v>
      </c>
      <c r="D15" s="131">
        <v>0.10844423561414641</v>
      </c>
      <c r="E15" s="124">
        <v>265</v>
      </c>
      <c r="F15" s="148">
        <v>4.5675167262882888E-3</v>
      </c>
      <c r="G15" s="96">
        <v>1.3241878591325947E-2</v>
      </c>
      <c r="H15" s="149">
        <v>0.1330173822795872</v>
      </c>
      <c r="I15" s="96">
        <v>4.2118477068143881E-2</v>
      </c>
      <c r="J15" s="149">
        <v>0.42048574041693015</v>
      </c>
      <c r="K15" s="96">
        <v>6.0218204806820337E-2</v>
      </c>
      <c r="L15" s="149">
        <v>0.33334410091929245</v>
      </c>
      <c r="M15" s="96">
        <v>5.7590487162122055E-2</v>
      </c>
      <c r="N15" s="149">
        <v>0.10858525965790154</v>
      </c>
      <c r="O15" s="96">
        <v>3.8814576381435595E-2</v>
      </c>
    </row>
    <row r="16" spans="1:15">
      <c r="A16" s="44" t="s">
        <v>352</v>
      </c>
      <c r="B16" s="53">
        <v>120</v>
      </c>
      <c r="C16" s="54">
        <v>3.4522402975722981</v>
      </c>
      <c r="D16" s="55">
        <v>0.15043694529537591</v>
      </c>
      <c r="E16" s="82">
        <v>120</v>
      </c>
      <c r="F16" s="97">
        <v>9.6295699601641957E-3</v>
      </c>
      <c r="G16" s="93">
        <v>2.8284483210352564E-2</v>
      </c>
      <c r="H16" s="97">
        <v>9.3368772706596867E-2</v>
      </c>
      <c r="I16" s="93">
        <v>5.54007861363357E-2</v>
      </c>
      <c r="J16" s="97">
        <v>0.39247853904167457</v>
      </c>
      <c r="K16" s="93">
        <v>8.7836535793726758E-2</v>
      </c>
      <c r="L16" s="97">
        <v>0.44417802638390341</v>
      </c>
      <c r="M16" s="93">
        <v>8.9276970796127994E-2</v>
      </c>
      <c r="N16" s="97">
        <v>6.0345091907659791E-2</v>
      </c>
      <c r="O16" s="93">
        <v>4.7169276087323388E-2</v>
      </c>
    </row>
    <row r="17" spans="1:15">
      <c r="A17" s="48" t="s">
        <v>353</v>
      </c>
      <c r="B17" s="146">
        <v>113</v>
      </c>
      <c r="C17" s="147">
        <v>3.2599845322617642</v>
      </c>
      <c r="D17" s="131">
        <v>0.1714732338733915</v>
      </c>
      <c r="E17" s="124">
        <v>113</v>
      </c>
      <c r="F17" s="148">
        <v>1.3382765773271251E-3</v>
      </c>
      <c r="G17" s="96">
        <v>2.4840328217944737E-2</v>
      </c>
      <c r="H17" s="149">
        <v>0.16377605905796841</v>
      </c>
      <c r="I17" s="96">
        <v>7.0298753958104199E-2</v>
      </c>
      <c r="J17" s="149">
        <v>0.50796058570766889</v>
      </c>
      <c r="K17" s="96">
        <v>9.2439102256579253E-2</v>
      </c>
      <c r="L17" s="149">
        <v>0.22741301283968171</v>
      </c>
      <c r="M17" s="96">
        <v>7.8596683171587453E-2</v>
      </c>
      <c r="N17" s="149">
        <v>9.9512065817352474E-2</v>
      </c>
      <c r="O17" s="96">
        <v>5.858409813595572E-2</v>
      </c>
    </row>
    <row r="18" spans="1:15">
      <c r="A18" s="44" t="s">
        <v>369</v>
      </c>
      <c r="B18" s="142">
        <v>411</v>
      </c>
      <c r="C18" s="143">
        <v>3.1582044114419161</v>
      </c>
      <c r="D18" s="129">
        <v>0.10235809768935869</v>
      </c>
      <c r="E18" s="121">
        <v>411</v>
      </c>
      <c r="F18" s="144">
        <v>7.9195701755719314E-2</v>
      </c>
      <c r="G18" s="93">
        <v>2.712235731025987E-2</v>
      </c>
      <c r="H18" s="145">
        <v>0.19149337198238275</v>
      </c>
      <c r="I18" s="93">
        <v>3.8857111493799397E-2</v>
      </c>
      <c r="J18" s="145">
        <v>0.31244033555917533</v>
      </c>
      <c r="K18" s="93">
        <v>4.557490816103682E-2</v>
      </c>
      <c r="L18" s="145">
        <v>0.32565199446970688</v>
      </c>
      <c r="M18" s="93">
        <v>4.6068144355712604E-2</v>
      </c>
      <c r="N18" s="145">
        <v>9.1218596233015287E-2</v>
      </c>
      <c r="O18" s="93">
        <v>2.8808212980892846E-2</v>
      </c>
    </row>
    <row r="19" spans="1:15">
      <c r="A19" s="48" t="s">
        <v>354</v>
      </c>
      <c r="B19" s="146">
        <v>68</v>
      </c>
      <c r="C19" s="147">
        <v>3.4055095041774419</v>
      </c>
      <c r="D19" s="131">
        <v>0.22580643295410358</v>
      </c>
      <c r="E19" s="124">
        <v>68</v>
      </c>
      <c r="F19" s="148">
        <v>2.8422230686708724E-2</v>
      </c>
      <c r="G19" s="96">
        <v>5.3560735246653723E-2</v>
      </c>
      <c r="H19" s="149">
        <v>8.2390367555011945E-2</v>
      </c>
      <c r="I19" s="96">
        <v>7.2434439307317064E-2</v>
      </c>
      <c r="J19" s="149">
        <v>0.43528703229826676</v>
      </c>
      <c r="K19" s="96">
        <v>0.11696737773539556</v>
      </c>
      <c r="L19" s="149">
        <v>0.36305640581415516</v>
      </c>
      <c r="M19" s="96">
        <v>0.11384011649989947</v>
      </c>
      <c r="N19" s="149">
        <v>9.084396364585802E-2</v>
      </c>
      <c r="O19" s="96">
        <v>7.4786959264063119E-2</v>
      </c>
    </row>
    <row r="20" spans="1:15">
      <c r="A20" s="44" t="s">
        <v>355</v>
      </c>
      <c r="B20" s="53">
        <v>72</v>
      </c>
      <c r="C20" s="54">
        <v>2.8427997832075431</v>
      </c>
      <c r="D20" s="55">
        <v>0.23501972747084329</v>
      </c>
      <c r="E20" s="82">
        <v>72</v>
      </c>
      <c r="F20" s="97">
        <v>9.6164365311917521E-2</v>
      </c>
      <c r="G20" s="93">
        <v>7.3853225994071681E-2</v>
      </c>
      <c r="H20" s="97">
        <v>0.25200697478284079</v>
      </c>
      <c r="I20" s="93">
        <v>0.10125601709129184</v>
      </c>
      <c r="J20" s="97">
        <v>0.39797530940254755</v>
      </c>
      <c r="K20" s="93">
        <v>0.11254421745453656</v>
      </c>
      <c r="L20" s="97">
        <v>0.22057121239116906</v>
      </c>
      <c r="M20" s="93">
        <v>9.7311831320747527E-2</v>
      </c>
      <c r="N20" s="97">
        <v>3.3282138111525257E-2</v>
      </c>
      <c r="O20" s="93">
        <v>5.3557666449137481E-2</v>
      </c>
    </row>
    <row r="21" spans="1:15">
      <c r="A21" s="48" t="s">
        <v>356</v>
      </c>
      <c r="B21" s="146">
        <v>64</v>
      </c>
      <c r="C21" s="147">
        <v>3.487195791983555</v>
      </c>
      <c r="D21" s="131">
        <v>0.24255726700673758</v>
      </c>
      <c r="E21" s="124">
        <v>64</v>
      </c>
      <c r="F21" s="148">
        <v>6.5223088130824988E-2</v>
      </c>
      <c r="G21" s="96">
        <v>6.9685802150315959E-2</v>
      </c>
      <c r="H21" s="149">
        <v>7.5884207476843962E-2</v>
      </c>
      <c r="I21" s="96">
        <v>7.3029028744372171E-2</v>
      </c>
      <c r="J21" s="149">
        <v>0.30245565326604734</v>
      </c>
      <c r="K21" s="96">
        <v>0.11257212913076362</v>
      </c>
      <c r="L21" s="149">
        <v>0.41934792653051817</v>
      </c>
      <c r="M21" s="96">
        <v>0.11986217594035187</v>
      </c>
      <c r="N21" s="149">
        <v>0.13708912459576542</v>
      </c>
      <c r="O21" s="96">
        <v>8.8561907964536057E-2</v>
      </c>
    </row>
    <row r="22" spans="1:15">
      <c r="A22" s="56" t="s">
        <v>357</v>
      </c>
      <c r="B22" s="142">
        <v>53</v>
      </c>
      <c r="C22" s="143">
        <v>3.3633039951024974</v>
      </c>
      <c r="D22" s="129">
        <v>0.29504789927039238</v>
      </c>
      <c r="E22" s="121">
        <v>53</v>
      </c>
      <c r="F22" s="144">
        <v>5.2380749643224214E-2</v>
      </c>
      <c r="G22" s="93">
        <v>7.3399374988942764E-2</v>
      </c>
      <c r="H22" s="145">
        <v>0.18673352981006036</v>
      </c>
      <c r="I22" s="93">
        <v>0.10765581820037305</v>
      </c>
      <c r="J22" s="145">
        <v>0.27141150646296858</v>
      </c>
      <c r="K22" s="93">
        <v>0.11988991722115343</v>
      </c>
      <c r="L22" s="145">
        <v>0.32414940396848768</v>
      </c>
      <c r="M22" s="93">
        <v>0.1251705961233692</v>
      </c>
      <c r="N22" s="145">
        <v>0.16532481011525937</v>
      </c>
      <c r="O22" s="93">
        <v>0.10367333127594371</v>
      </c>
    </row>
    <row r="23" spans="1:15">
      <c r="A23" s="48" t="s">
        <v>358</v>
      </c>
      <c r="B23" s="146">
        <v>91</v>
      </c>
      <c r="C23" s="147">
        <v>3.0644201967908042</v>
      </c>
      <c r="D23" s="131">
        <v>0.22000179307140905</v>
      </c>
      <c r="E23" s="124">
        <v>91</v>
      </c>
      <c r="F23" s="148">
        <v>0.13507641785364055</v>
      </c>
      <c r="G23" s="96">
        <v>7.3358224133163119E-2</v>
      </c>
      <c r="H23" s="149">
        <v>0.13353212738339137</v>
      </c>
      <c r="I23" s="96">
        <v>7.3060197475240021E-2</v>
      </c>
      <c r="J23" s="149">
        <v>0.34655386683162043</v>
      </c>
      <c r="K23" s="96">
        <v>9.806449826777365E-2</v>
      </c>
      <c r="L23" s="149">
        <v>0.30157001598121919</v>
      </c>
      <c r="M23" s="96">
        <v>9.4895284156926066E-2</v>
      </c>
      <c r="N23" s="149">
        <v>8.3267571950128683E-2</v>
      </c>
      <c r="O23" s="96">
        <v>6.1780834186058231E-2</v>
      </c>
    </row>
    <row r="24" spans="1:15">
      <c r="A24" s="56" t="s">
        <v>359</v>
      </c>
      <c r="B24" s="142">
        <v>113</v>
      </c>
      <c r="C24" s="143">
        <v>2.9490576075905874</v>
      </c>
      <c r="D24" s="129">
        <v>0.21092351817477881</v>
      </c>
      <c r="E24" s="121">
        <v>113</v>
      </c>
      <c r="F24" s="144">
        <v>0.11629044047513032</v>
      </c>
      <c r="G24" s="93">
        <v>6.2062031343596252E-2</v>
      </c>
      <c r="H24" s="145">
        <v>0.27887593123949317</v>
      </c>
      <c r="I24" s="93">
        <v>8.3592479505205569E-2</v>
      </c>
      <c r="J24" s="145">
        <v>0.21690920777583919</v>
      </c>
      <c r="K24" s="93">
        <v>7.7403509000873297E-2</v>
      </c>
      <c r="L24" s="145">
        <v>0.31533442123873084</v>
      </c>
      <c r="M24" s="93">
        <v>8.6368418493811119E-2</v>
      </c>
      <c r="N24" s="145">
        <v>7.2589999270805713E-2</v>
      </c>
      <c r="O24" s="93">
        <v>5.2166093924604327E-2</v>
      </c>
    </row>
    <row r="25" spans="1:15">
      <c r="A25" s="48" t="s">
        <v>371</v>
      </c>
      <c r="B25" s="146">
        <v>176</v>
      </c>
      <c r="C25" s="147">
        <v>3.2517684344988642</v>
      </c>
      <c r="D25" s="131">
        <v>0.15627910637992873</v>
      </c>
      <c r="E25" s="124">
        <v>176</v>
      </c>
      <c r="F25" s="148">
        <v>6.3432644701609406E-2</v>
      </c>
      <c r="G25" s="96">
        <v>3.8811664579699971E-2</v>
      </c>
      <c r="H25" s="149">
        <v>0.16624646566537002</v>
      </c>
      <c r="I25" s="96">
        <v>5.6471093896130899E-2</v>
      </c>
      <c r="J25" s="149">
        <v>0.34445527868107251</v>
      </c>
      <c r="K25" s="96">
        <v>7.1003785180947382E-2</v>
      </c>
      <c r="L25" s="149">
        <v>0.30685103233644573</v>
      </c>
      <c r="M25" s="96">
        <v>6.9014188724131856E-2</v>
      </c>
      <c r="N25" s="149">
        <v>0.11901457861550327</v>
      </c>
      <c r="O25" s="96">
        <v>4.9716873061174317E-2</v>
      </c>
    </row>
    <row r="26" spans="1:15">
      <c r="A26" s="56" t="s">
        <v>360</v>
      </c>
      <c r="B26" s="142">
        <v>100</v>
      </c>
      <c r="C26" s="143">
        <v>3.2492221068332996</v>
      </c>
      <c r="D26" s="129">
        <v>0.20065660298936672</v>
      </c>
      <c r="E26" s="121">
        <v>100</v>
      </c>
      <c r="F26" s="144">
        <v>4.7969265144109763E-2</v>
      </c>
      <c r="G26" s="93">
        <v>4.8470363040837822E-2</v>
      </c>
      <c r="H26" s="145">
        <v>0.17638982887791457</v>
      </c>
      <c r="I26" s="93">
        <v>7.6755655718804022E-2</v>
      </c>
      <c r="J26" s="145">
        <v>0.38431139477233828</v>
      </c>
      <c r="K26" s="93">
        <v>9.5600505953731249E-2</v>
      </c>
      <c r="L26" s="145">
        <v>0.26110855641184172</v>
      </c>
      <c r="M26" s="93">
        <v>8.7097732208000392E-2</v>
      </c>
      <c r="N26" s="145">
        <v>0.1302209547937957</v>
      </c>
      <c r="O26" s="93">
        <v>6.8942389632539611E-2</v>
      </c>
    </row>
    <row r="27" spans="1:15">
      <c r="A27" s="48" t="s">
        <v>370</v>
      </c>
      <c r="B27" s="146">
        <v>274</v>
      </c>
      <c r="C27" s="147">
        <v>3.2845706066725597</v>
      </c>
      <c r="D27" s="131">
        <v>0.12739813498863936</v>
      </c>
      <c r="E27" s="124">
        <v>274</v>
      </c>
      <c r="F27" s="148">
        <v>7.4854603693860697E-2</v>
      </c>
      <c r="G27" s="96">
        <v>3.272193083603999E-2</v>
      </c>
      <c r="H27" s="149">
        <v>0.14619310353432774</v>
      </c>
      <c r="I27" s="96">
        <v>4.2981851097322242E-2</v>
      </c>
      <c r="J27" s="149">
        <v>0.31618864722094636</v>
      </c>
      <c r="K27" s="96">
        <v>5.5900562852011615E-2</v>
      </c>
      <c r="L27" s="149">
        <v>0.34505437350712193</v>
      </c>
      <c r="M27" s="96">
        <v>5.7109986576457585E-2</v>
      </c>
      <c r="N27" s="149">
        <v>0.11770927204374267</v>
      </c>
      <c r="O27" s="96">
        <v>3.9425585844828519E-2</v>
      </c>
    </row>
    <row r="28" spans="1:15">
      <c r="A28" s="56" t="s">
        <v>361</v>
      </c>
      <c r="B28" s="142">
        <v>117</v>
      </c>
      <c r="C28" s="143">
        <v>3.3098736413184611</v>
      </c>
      <c r="D28" s="129">
        <v>0.18619341188420979</v>
      </c>
      <c r="E28" s="121">
        <v>117</v>
      </c>
      <c r="F28" s="144">
        <v>4.6288098596839952E-2</v>
      </c>
      <c r="G28" s="93">
        <v>4.3610129419829564E-2</v>
      </c>
      <c r="H28" s="145">
        <v>0.13773275195309445</v>
      </c>
      <c r="I28" s="93">
        <v>6.4870088910916196E-2</v>
      </c>
      <c r="J28" s="145">
        <v>0.37470749756885097</v>
      </c>
      <c r="K28" s="93">
        <v>8.8200097777403494E-2</v>
      </c>
      <c r="L28" s="145">
        <v>0.34236071329719203</v>
      </c>
      <c r="M28" s="93">
        <v>8.6581673721588925E-2</v>
      </c>
      <c r="N28" s="145">
        <v>9.8910938584022223E-2</v>
      </c>
      <c r="O28" s="93">
        <v>5.7377380290971912E-2</v>
      </c>
    </row>
    <row r="29" spans="1:15">
      <c r="A29" s="48" t="s">
        <v>375</v>
      </c>
      <c r="B29" s="146">
        <v>107</v>
      </c>
      <c r="C29" s="147">
        <v>3.3385332810333312</v>
      </c>
      <c r="D29" s="131">
        <v>0.20435001896696153</v>
      </c>
      <c r="E29" s="124">
        <v>107</v>
      </c>
      <c r="F29" s="148">
        <v>7.1731628594452299E-2</v>
      </c>
      <c r="G29" s="96">
        <v>5.3546993459891709E-2</v>
      </c>
      <c r="H29" s="149">
        <v>0.16039099656907801</v>
      </c>
      <c r="I29" s="96">
        <v>7.1742364974802894E-2</v>
      </c>
      <c r="J29" s="149">
        <v>0.26419964062998064</v>
      </c>
      <c r="K29" s="96">
        <v>8.4540799651722412E-2</v>
      </c>
      <c r="L29" s="149">
        <v>0.36496793362166285</v>
      </c>
      <c r="M29" s="96">
        <v>9.1643020794993368E-2</v>
      </c>
      <c r="N29" s="149">
        <v>0.13870980058482593</v>
      </c>
      <c r="O29" s="96">
        <v>6.8103656209120136E-2</v>
      </c>
    </row>
    <row r="30" spans="1:15">
      <c r="A30" s="56" t="s">
        <v>358</v>
      </c>
      <c r="B30" s="142">
        <v>91</v>
      </c>
      <c r="C30" s="143">
        <v>3.0644201967908042</v>
      </c>
      <c r="D30" s="129">
        <v>0.22000179307140905</v>
      </c>
      <c r="E30" s="121">
        <v>91</v>
      </c>
      <c r="F30" s="144">
        <v>0.13507641785364055</v>
      </c>
      <c r="G30" s="93">
        <v>7.3358224133163119E-2</v>
      </c>
      <c r="H30" s="145">
        <v>0.13353212738339137</v>
      </c>
      <c r="I30" s="93">
        <v>7.3060197475240021E-2</v>
      </c>
      <c r="J30" s="145">
        <v>0.34655386683162043</v>
      </c>
      <c r="K30" s="93">
        <v>9.806449826777365E-2</v>
      </c>
      <c r="L30" s="145">
        <v>0.30157001598121919</v>
      </c>
      <c r="M30" s="93">
        <v>9.4895284156926066E-2</v>
      </c>
      <c r="N30" s="145">
        <v>8.3267571950128683E-2</v>
      </c>
      <c r="O30" s="93">
        <v>6.1780834186058231E-2</v>
      </c>
    </row>
    <row r="32" spans="1:15" ht="18.75">
      <c r="A32" s="340" t="s">
        <v>205</v>
      </c>
      <c r="B32" s="340"/>
      <c r="C32" s="340"/>
      <c r="D32" s="340"/>
      <c r="E32" s="340"/>
      <c r="F32" s="340"/>
      <c r="G32" s="340"/>
      <c r="H32" s="340"/>
      <c r="I32" s="340"/>
      <c r="J32" s="234"/>
      <c r="K32" s="234"/>
    </row>
    <row r="33" spans="1:11" ht="81" customHeight="1">
      <c r="A33" s="345" t="s">
        <v>206</v>
      </c>
      <c r="B33" s="345"/>
      <c r="C33" s="345"/>
      <c r="D33" s="345"/>
      <c r="E33" s="345"/>
      <c r="F33" s="345"/>
      <c r="G33" s="345"/>
      <c r="H33" s="345"/>
      <c r="I33" s="345"/>
      <c r="J33" s="234"/>
      <c r="K33" s="234"/>
    </row>
    <row r="34" spans="1:11" ht="30" customHeight="1">
      <c r="A34" s="385" t="s">
        <v>205</v>
      </c>
      <c r="B34" s="385"/>
      <c r="C34" s="385"/>
      <c r="D34" s="385"/>
      <c r="E34" s="347" t="s">
        <v>207</v>
      </c>
      <c r="F34" s="348"/>
      <c r="G34" s="348"/>
      <c r="H34" s="348"/>
      <c r="I34" s="349"/>
    </row>
    <row r="35" spans="1:11" ht="72">
      <c r="A35" s="36" t="s">
        <v>70</v>
      </c>
      <c r="B35" s="37" t="s">
        <v>71</v>
      </c>
      <c r="C35" s="38" t="s">
        <v>593</v>
      </c>
      <c r="D35" s="39" t="s">
        <v>72</v>
      </c>
      <c r="E35" s="37" t="s">
        <v>71</v>
      </c>
      <c r="F35" s="37" t="s">
        <v>212</v>
      </c>
      <c r="G35" s="88" t="s">
        <v>209</v>
      </c>
      <c r="H35" s="37" t="s">
        <v>213</v>
      </c>
      <c r="I35" s="88" t="s">
        <v>211</v>
      </c>
    </row>
    <row r="36" spans="1:11" ht="84">
      <c r="A36" s="40"/>
      <c r="B36" s="41" t="s">
        <v>73</v>
      </c>
      <c r="C36" s="42" t="s">
        <v>289</v>
      </c>
      <c r="D36" s="43" t="s">
        <v>75</v>
      </c>
      <c r="E36" s="41" t="s">
        <v>73</v>
      </c>
      <c r="F36" s="41" t="s">
        <v>208</v>
      </c>
      <c r="G36" s="90" t="s">
        <v>87</v>
      </c>
      <c r="H36" s="41" t="s">
        <v>210</v>
      </c>
      <c r="I36" s="90" t="s">
        <v>87</v>
      </c>
    </row>
    <row r="37" spans="1:11">
      <c r="A37" s="44" t="s">
        <v>349</v>
      </c>
      <c r="B37" s="150">
        <v>13544</v>
      </c>
      <c r="C37" s="83">
        <v>12.519755301226652</v>
      </c>
      <c r="D37" s="84">
        <v>8.8934485141396194E-2</v>
      </c>
      <c r="E37" s="82">
        <v>13544</v>
      </c>
      <c r="F37" s="97">
        <v>0.84765803633467895</v>
      </c>
      <c r="G37" s="93">
        <v>6.1763582944921926E-3</v>
      </c>
      <c r="H37" s="97">
        <v>0.15234196366532649</v>
      </c>
      <c r="I37" s="93">
        <v>6.176358294492282E-3</v>
      </c>
    </row>
    <row r="38" spans="1:11">
      <c r="A38" s="48" t="s">
        <v>350</v>
      </c>
      <c r="B38" s="48">
        <v>10035</v>
      </c>
      <c r="C38" s="152">
        <v>11.796030889239407</v>
      </c>
      <c r="D38" s="153">
        <v>9.6483580813808797E-2</v>
      </c>
      <c r="E38" s="124">
        <v>10035</v>
      </c>
      <c r="F38" s="154">
        <v>0.88018330311680648</v>
      </c>
      <c r="G38" s="96">
        <v>6.4858513470029038E-3</v>
      </c>
      <c r="H38" s="154">
        <v>0.11981669688318362</v>
      </c>
      <c r="I38" s="96">
        <v>6.4858513470026739E-3</v>
      </c>
    </row>
    <row r="39" spans="1:11">
      <c r="A39" s="44" t="s">
        <v>351</v>
      </c>
      <c r="B39" s="52">
        <v>3509</v>
      </c>
      <c r="C39" s="83">
        <v>13.132194826746412</v>
      </c>
      <c r="D39" s="84">
        <v>0.19636422728631525</v>
      </c>
      <c r="E39" s="82">
        <v>3509</v>
      </c>
      <c r="F39" s="97">
        <v>0.82013408021889012</v>
      </c>
      <c r="G39" s="93">
        <v>1.2970325643831033E-2</v>
      </c>
      <c r="H39" s="97">
        <v>0.1798659197811093</v>
      </c>
      <c r="I39" s="93">
        <v>1.2970325643831018E-2</v>
      </c>
    </row>
    <row r="40" spans="1:11">
      <c r="A40" s="48" t="s">
        <v>558</v>
      </c>
      <c r="B40" s="48">
        <v>323</v>
      </c>
      <c r="C40" s="152">
        <v>13.331093331999059</v>
      </c>
      <c r="D40" s="153">
        <v>0.63973772684707542</v>
      </c>
      <c r="E40" s="124">
        <v>323</v>
      </c>
      <c r="F40" s="154">
        <v>0.80217548992990717</v>
      </c>
      <c r="G40" s="96">
        <v>4.4365757359116541E-2</v>
      </c>
      <c r="H40" s="154">
        <v>0.19782451007009333</v>
      </c>
      <c r="I40" s="96">
        <v>4.4365757359116575E-2</v>
      </c>
    </row>
    <row r="41" spans="1:11">
      <c r="A41" s="44" t="s">
        <v>559</v>
      </c>
      <c r="B41" s="52">
        <v>3537</v>
      </c>
      <c r="C41" s="83">
        <v>12.345107496962507</v>
      </c>
      <c r="D41" s="84">
        <v>0.16445545365788364</v>
      </c>
      <c r="E41" s="82">
        <v>3537</v>
      </c>
      <c r="F41" s="97">
        <v>0.86136080898566492</v>
      </c>
      <c r="G41" s="93">
        <v>1.1628885123635427E-2</v>
      </c>
      <c r="H41" s="97">
        <v>0.13863919101433952</v>
      </c>
      <c r="I41" s="93">
        <v>1.1628885123635579E-2</v>
      </c>
    </row>
    <row r="42" spans="1:11">
      <c r="A42" s="48" t="s">
        <v>560</v>
      </c>
      <c r="B42" s="48">
        <v>2934</v>
      </c>
      <c r="C42" s="152">
        <v>11.769245135099277</v>
      </c>
      <c r="D42" s="153">
        <v>0.17256546757177052</v>
      </c>
      <c r="E42" s="124">
        <v>2934</v>
      </c>
      <c r="F42" s="154">
        <v>0.88233568848953747</v>
      </c>
      <c r="G42" s="96">
        <v>1.1911700970915358E-2</v>
      </c>
      <c r="H42" s="154">
        <v>0.11766431151046149</v>
      </c>
      <c r="I42" s="96">
        <v>1.1911700970915318E-2</v>
      </c>
    </row>
    <row r="43" spans="1:11">
      <c r="A43" s="44" t="s">
        <v>368</v>
      </c>
      <c r="B43" s="52">
        <v>156</v>
      </c>
      <c r="C43" s="83">
        <v>12.177766841766202</v>
      </c>
      <c r="D43" s="84">
        <v>0.84058341824406158</v>
      </c>
      <c r="E43" s="82">
        <v>156</v>
      </c>
      <c r="F43" s="97">
        <v>0.86335035129688653</v>
      </c>
      <c r="G43" s="93">
        <v>5.5788704373777684E-2</v>
      </c>
      <c r="H43" s="97">
        <v>0.13664964870311394</v>
      </c>
      <c r="I43" s="93">
        <v>5.578870437377776E-2</v>
      </c>
    </row>
    <row r="44" spans="1:11">
      <c r="A44" s="48" t="s">
        <v>150</v>
      </c>
      <c r="B44" s="48">
        <v>270</v>
      </c>
      <c r="C44" s="152">
        <v>10.764721671126415</v>
      </c>
      <c r="D44" s="153">
        <v>0.53668246158681909</v>
      </c>
      <c r="E44" s="124">
        <v>270</v>
      </c>
      <c r="F44" s="154">
        <v>0.93039967216879316</v>
      </c>
      <c r="G44" s="96">
        <v>3.1995716839708387E-2</v>
      </c>
      <c r="H44" s="154">
        <v>6.9600327831203679E-2</v>
      </c>
      <c r="I44" s="96">
        <v>3.1995716839707797E-2</v>
      </c>
    </row>
    <row r="45" spans="1:11">
      <c r="A45" s="44" t="s">
        <v>352</v>
      </c>
      <c r="B45" s="52">
        <v>120</v>
      </c>
      <c r="C45" s="83">
        <v>10.599547545603341</v>
      </c>
      <c r="D45" s="84">
        <v>0.84080131605028752</v>
      </c>
      <c r="E45" s="82">
        <v>120</v>
      </c>
      <c r="F45" s="97">
        <v>0.93191120416583606</v>
      </c>
      <c r="G45" s="93">
        <v>4.9283217961457827E-2</v>
      </c>
      <c r="H45" s="97">
        <v>6.808879583416394E-2</v>
      </c>
      <c r="I45" s="93">
        <v>4.928321796145782E-2</v>
      </c>
    </row>
    <row r="46" spans="1:11">
      <c r="A46" s="48" t="s">
        <v>353</v>
      </c>
      <c r="B46" s="48">
        <v>116</v>
      </c>
      <c r="C46" s="152">
        <v>11.223614909025807</v>
      </c>
      <c r="D46" s="153">
        <v>0.80011752419595294</v>
      </c>
      <c r="E46" s="124">
        <v>116</v>
      </c>
      <c r="F46" s="154">
        <v>0.90618942599136043</v>
      </c>
      <c r="G46" s="96">
        <v>5.6517298672364054E-2</v>
      </c>
      <c r="H46" s="154">
        <v>9.3810574008639125E-2</v>
      </c>
      <c r="I46" s="96">
        <v>5.6517298672363943E-2</v>
      </c>
    </row>
    <row r="47" spans="1:11">
      <c r="A47" s="44" t="s">
        <v>369</v>
      </c>
      <c r="B47" s="150">
        <v>421</v>
      </c>
      <c r="C47" s="83">
        <v>11.087614459885964</v>
      </c>
      <c r="D47" s="84">
        <v>0.43953626479471575</v>
      </c>
      <c r="E47" s="82">
        <v>421</v>
      </c>
      <c r="F47" s="97">
        <v>0.90456871802811345</v>
      </c>
      <c r="G47" s="93">
        <v>2.9005575269790192E-2</v>
      </c>
      <c r="H47" s="97">
        <v>9.5431281971886953E-2</v>
      </c>
      <c r="I47" s="93">
        <v>2.9005575269790244E-2</v>
      </c>
    </row>
    <row r="48" spans="1:11">
      <c r="A48" s="48" t="s">
        <v>354</v>
      </c>
      <c r="B48" s="151">
        <v>68</v>
      </c>
      <c r="C48" s="152">
        <v>10.557994160522826</v>
      </c>
      <c r="D48" s="153">
        <v>0.978739710207856</v>
      </c>
      <c r="E48" s="124">
        <v>68</v>
      </c>
      <c r="F48" s="154">
        <v>0.97263348287802243</v>
      </c>
      <c r="G48" s="96">
        <v>5.3097607533710345E-2</v>
      </c>
      <c r="H48" s="154">
        <v>2.736651712197764E-2</v>
      </c>
      <c r="I48" s="96">
        <v>5.3097607533710366E-2</v>
      </c>
    </row>
    <row r="49" spans="1:9">
      <c r="A49" s="44" t="s">
        <v>355</v>
      </c>
      <c r="B49" s="82">
        <v>74</v>
      </c>
      <c r="C49" s="83">
        <v>11.703669011671986</v>
      </c>
      <c r="D49" s="84">
        <v>0.99204639725882671</v>
      </c>
      <c r="E49" s="82">
        <v>74</v>
      </c>
      <c r="F49" s="97">
        <v>0.90675168573109932</v>
      </c>
      <c r="G49" s="93">
        <v>7.199960186106967E-2</v>
      </c>
      <c r="H49" s="97">
        <v>9.3248314268900512E-2</v>
      </c>
      <c r="I49" s="93">
        <v>7.1999601861069615E-2</v>
      </c>
    </row>
    <row r="50" spans="1:9">
      <c r="A50" s="48" t="s">
        <v>356</v>
      </c>
      <c r="B50" s="151">
        <v>67</v>
      </c>
      <c r="C50" s="152">
        <v>10.959626135322969</v>
      </c>
      <c r="D50" s="153">
        <v>0.99971526256685561</v>
      </c>
      <c r="E50" s="124">
        <v>67</v>
      </c>
      <c r="F50" s="154">
        <v>0.90919987675545355</v>
      </c>
      <c r="G50" s="96">
        <v>7.5392302320250057E-2</v>
      </c>
      <c r="H50" s="154">
        <v>9.0800123244546602E-2</v>
      </c>
      <c r="I50" s="96">
        <v>7.5392302320250085E-2</v>
      </c>
    </row>
    <row r="51" spans="1:9">
      <c r="A51" s="56" t="s">
        <v>357</v>
      </c>
      <c r="B51" s="150">
        <v>53</v>
      </c>
      <c r="C51" s="83">
        <v>10.617551741873868</v>
      </c>
      <c r="D51" s="84">
        <v>1.1528435336857268</v>
      </c>
      <c r="E51" s="82">
        <v>53</v>
      </c>
      <c r="F51" s="97">
        <v>0.92388160001301767</v>
      </c>
      <c r="G51" s="93">
        <v>8.1502207332974738E-2</v>
      </c>
      <c r="H51" s="97">
        <v>7.6118399986982319E-2</v>
      </c>
      <c r="I51" s="93">
        <v>8.1502207332974724E-2</v>
      </c>
    </row>
    <row r="52" spans="1:9">
      <c r="A52" s="48" t="s">
        <v>358</v>
      </c>
      <c r="B52" s="151">
        <v>95</v>
      </c>
      <c r="C52" s="152">
        <v>11.883919636915646</v>
      </c>
      <c r="D52" s="153">
        <v>1.076827975207747</v>
      </c>
      <c r="E52" s="124">
        <v>95</v>
      </c>
      <c r="F52" s="154">
        <v>0.91566897338054887</v>
      </c>
      <c r="G52" s="96">
        <v>6.0602803154749703E-2</v>
      </c>
      <c r="H52" s="154">
        <v>8.4331026619450966E-2</v>
      </c>
      <c r="I52" s="96">
        <v>6.0602803154749675E-2</v>
      </c>
    </row>
    <row r="53" spans="1:9">
      <c r="A53" s="56" t="s">
        <v>359</v>
      </c>
      <c r="B53" s="150">
        <v>116</v>
      </c>
      <c r="C53" s="83">
        <v>11.369181954571795</v>
      </c>
      <c r="D53" s="84">
        <v>0.91930247778969265</v>
      </c>
      <c r="E53" s="82">
        <v>116</v>
      </c>
      <c r="F53" s="97">
        <v>0.84759627512814206</v>
      </c>
      <c r="G53" s="93">
        <v>6.7601148802377373E-2</v>
      </c>
      <c r="H53" s="97">
        <v>0.15240372487185783</v>
      </c>
      <c r="I53" s="93">
        <v>6.7601148802377331E-2</v>
      </c>
    </row>
    <row r="54" spans="1:9">
      <c r="A54" s="48" t="s">
        <v>371</v>
      </c>
      <c r="B54" s="151">
        <v>181</v>
      </c>
      <c r="C54" s="152">
        <v>10.913894384467833</v>
      </c>
      <c r="D54" s="153">
        <v>0.67664084153725945</v>
      </c>
      <c r="E54" s="124">
        <v>181</v>
      </c>
      <c r="F54" s="154">
        <v>0.93465051233431984</v>
      </c>
      <c r="G54" s="96">
        <v>3.8669821253596491E-2</v>
      </c>
      <c r="H54" s="154">
        <v>6.5349487665680439E-2</v>
      </c>
      <c r="I54" s="96">
        <v>3.8669821253596554E-2</v>
      </c>
    </row>
    <row r="55" spans="1:9">
      <c r="A55" s="56" t="s">
        <v>360</v>
      </c>
      <c r="B55" s="150">
        <v>103</v>
      </c>
      <c r="C55" s="83">
        <v>10.81660034029437</v>
      </c>
      <c r="D55" s="84">
        <v>0.8966400172120218</v>
      </c>
      <c r="E55" s="82">
        <v>103</v>
      </c>
      <c r="F55" s="97">
        <v>0.94124082983436264</v>
      </c>
      <c r="G55" s="93">
        <v>5.1005210177420261E-2</v>
      </c>
      <c r="H55" s="97">
        <v>5.8759170165637246E-2</v>
      </c>
      <c r="I55" s="93">
        <v>5.1005210177420233E-2</v>
      </c>
    </row>
    <row r="56" spans="1:9">
      <c r="A56" s="48" t="s">
        <v>370</v>
      </c>
      <c r="B56" s="151">
        <v>290</v>
      </c>
      <c r="C56" s="152">
        <v>11.502992960763322</v>
      </c>
      <c r="D56" s="153">
        <v>0.51234137699332272</v>
      </c>
      <c r="E56" s="124">
        <v>290</v>
      </c>
      <c r="F56" s="154">
        <v>0.91224406545505632</v>
      </c>
      <c r="G56" s="96">
        <v>3.3936260909252662E-2</v>
      </c>
      <c r="H56" s="154">
        <v>8.7755934544943306E-2</v>
      </c>
      <c r="I56" s="96">
        <v>3.39362609092526E-2</v>
      </c>
    </row>
    <row r="57" spans="1:9">
      <c r="A57" s="56" t="s">
        <v>361</v>
      </c>
      <c r="B57" s="150">
        <v>127</v>
      </c>
      <c r="C57" s="83">
        <v>11.301361672012765</v>
      </c>
      <c r="D57" s="84">
        <v>0.7618302613697453</v>
      </c>
      <c r="E57" s="82">
        <v>127</v>
      </c>
      <c r="F57" s="97">
        <v>0.91574995248121072</v>
      </c>
      <c r="G57" s="93">
        <v>5.1702740253286993E-2</v>
      </c>
      <c r="H57" s="97">
        <v>8.4250047518789214E-2</v>
      </c>
      <c r="I57" s="93">
        <v>5.1702740253286993E-2</v>
      </c>
    </row>
    <row r="58" spans="1:9">
      <c r="A58" s="48" t="s">
        <v>375</v>
      </c>
      <c r="B58" s="151">
        <v>111</v>
      </c>
      <c r="C58" s="152">
        <v>11.412011146063348</v>
      </c>
      <c r="D58" s="153">
        <v>0.77441817017766201</v>
      </c>
      <c r="E58" s="124">
        <v>111</v>
      </c>
      <c r="F58" s="154">
        <v>0.91717130299602545</v>
      </c>
      <c r="G58" s="96">
        <v>5.5282396491222838E-2</v>
      </c>
      <c r="H58" s="154">
        <v>8.2828697003974674E-2</v>
      </c>
      <c r="I58" s="96">
        <v>5.5282396491222865E-2</v>
      </c>
    </row>
    <row r="59" spans="1:9">
      <c r="A59" s="56" t="s">
        <v>358</v>
      </c>
      <c r="B59" s="150">
        <v>95</v>
      </c>
      <c r="C59" s="83">
        <v>11.883919636915646</v>
      </c>
      <c r="D59" s="84">
        <v>1.076827975207747</v>
      </c>
      <c r="E59" s="82">
        <v>95</v>
      </c>
      <c r="F59" s="97">
        <v>0.91566897338054887</v>
      </c>
      <c r="G59" s="93">
        <v>6.0602803154749703E-2</v>
      </c>
      <c r="H59" s="97">
        <v>8.4331026619450966E-2</v>
      </c>
      <c r="I59" s="93">
        <v>6.0602803154749675E-2</v>
      </c>
    </row>
    <row r="61" spans="1:9" ht="18.75">
      <c r="A61" s="340" t="s">
        <v>362</v>
      </c>
      <c r="B61" s="340"/>
      <c r="C61" s="340"/>
      <c r="D61" s="340"/>
    </row>
    <row r="62" spans="1:9" ht="97.5" customHeight="1">
      <c r="A62" s="361" t="s">
        <v>398</v>
      </c>
      <c r="B62" s="361"/>
      <c r="C62" s="361"/>
      <c r="D62" s="361"/>
    </row>
    <row r="63" spans="1:9" ht="36" customHeight="1">
      <c r="A63" s="393" t="s">
        <v>118</v>
      </c>
      <c r="B63" s="385"/>
      <c r="C63" s="385"/>
      <c r="D63" s="385"/>
    </row>
    <row r="64" spans="1:9" ht="72">
      <c r="A64" s="36" t="s">
        <v>70</v>
      </c>
      <c r="B64" s="37" t="s">
        <v>71</v>
      </c>
      <c r="C64" s="38" t="s">
        <v>593</v>
      </c>
      <c r="D64" s="39" t="s">
        <v>72</v>
      </c>
    </row>
    <row r="65" spans="1:4" ht="84">
      <c r="A65" s="40"/>
      <c r="B65" s="41" t="s">
        <v>73</v>
      </c>
      <c r="C65" s="42" t="s">
        <v>119</v>
      </c>
      <c r="D65" s="43" t="s">
        <v>75</v>
      </c>
    </row>
    <row r="66" spans="1:4">
      <c r="A66" s="44" t="s">
        <v>349</v>
      </c>
      <c r="B66" s="155">
        <v>10264</v>
      </c>
      <c r="C66" s="83">
        <v>5.3006208479915813</v>
      </c>
      <c r="D66" s="84">
        <v>2.6719251846929002E-2</v>
      </c>
    </row>
    <row r="67" spans="1:4">
      <c r="A67" s="48" t="s">
        <v>350</v>
      </c>
      <c r="B67" s="48">
        <v>8119</v>
      </c>
      <c r="C67" s="157">
        <v>5.3656834675598448</v>
      </c>
      <c r="D67" s="158">
        <v>2.9672117658980486E-2</v>
      </c>
    </row>
    <row r="68" spans="1:4">
      <c r="A68" s="44" t="s">
        <v>351</v>
      </c>
      <c r="B68" s="52">
        <v>2145</v>
      </c>
      <c r="C68" s="83">
        <v>5.2304402162232035</v>
      </c>
      <c r="D68" s="84">
        <v>6.035898468368902E-2</v>
      </c>
    </row>
    <row r="69" spans="1:4">
      <c r="A69" s="48" t="s">
        <v>558</v>
      </c>
      <c r="B69" s="48">
        <v>218</v>
      </c>
      <c r="C69" s="157">
        <v>5.1801885704867452</v>
      </c>
      <c r="D69" s="158">
        <v>0.18273804676400976</v>
      </c>
    </row>
    <row r="70" spans="1:4">
      <c r="A70" s="44" t="s">
        <v>559</v>
      </c>
      <c r="B70" s="52">
        <v>2789</v>
      </c>
      <c r="C70" s="83">
        <v>5.3062641315361203</v>
      </c>
      <c r="D70" s="84">
        <v>5.019097510620249E-2</v>
      </c>
    </row>
    <row r="71" spans="1:4">
      <c r="A71" s="48" t="s">
        <v>560</v>
      </c>
      <c r="B71" s="48">
        <v>2425</v>
      </c>
      <c r="C71" s="157">
        <v>5.3805580608072923</v>
      </c>
      <c r="D71" s="158">
        <v>5.3661399645418467E-2</v>
      </c>
    </row>
    <row r="72" spans="1:4">
      <c r="A72" s="44" t="s">
        <v>368</v>
      </c>
      <c r="B72" s="52">
        <v>115</v>
      </c>
      <c r="C72" s="83">
        <v>5.2357631175988022</v>
      </c>
      <c r="D72" s="84">
        <v>0.27326685557252595</v>
      </c>
    </row>
    <row r="73" spans="1:4">
      <c r="A73" s="48" t="s">
        <v>150</v>
      </c>
      <c r="B73" s="48">
        <v>234</v>
      </c>
      <c r="C73" s="157">
        <v>5.6575012484581455</v>
      </c>
      <c r="D73" s="158">
        <v>0.15443732124863452</v>
      </c>
    </row>
    <row r="74" spans="1:4">
      <c r="A74" s="44" t="s">
        <v>352</v>
      </c>
      <c r="B74" s="52">
        <v>99</v>
      </c>
      <c r="C74" s="83">
        <v>5.6907333931459556</v>
      </c>
      <c r="D74" s="84">
        <v>0.22249707520469886</v>
      </c>
    </row>
    <row r="75" spans="1:4">
      <c r="A75" s="48" t="s">
        <v>353</v>
      </c>
      <c r="B75" s="48">
        <v>107</v>
      </c>
      <c r="C75" s="157">
        <v>5.4102623086910855</v>
      </c>
      <c r="D75" s="158">
        <v>0.25207845013465019</v>
      </c>
    </row>
    <row r="76" spans="1:4">
      <c r="A76" s="44" t="s">
        <v>369</v>
      </c>
      <c r="B76" s="155">
        <v>344</v>
      </c>
      <c r="C76" s="83">
        <v>5.4004873420648476</v>
      </c>
      <c r="D76" s="84">
        <v>0.14362044709074925</v>
      </c>
    </row>
    <row r="77" spans="1:4">
      <c r="A77" s="48" t="s">
        <v>354</v>
      </c>
      <c r="B77" s="156">
        <v>62</v>
      </c>
      <c r="C77" s="157">
        <v>5.3388224280555434</v>
      </c>
      <c r="D77" s="158">
        <v>0.28452252703828618</v>
      </c>
    </row>
    <row r="78" spans="1:4">
      <c r="A78" s="44" t="s">
        <v>355</v>
      </c>
      <c r="B78" s="82">
        <v>59</v>
      </c>
      <c r="C78" s="83">
        <v>5.2886679907607004</v>
      </c>
      <c r="D78" s="84">
        <v>0.38474010236789624</v>
      </c>
    </row>
    <row r="79" spans="1:4">
      <c r="A79" s="48" t="s">
        <v>356</v>
      </c>
      <c r="B79" s="156">
        <v>46</v>
      </c>
      <c r="C79" s="157">
        <v>5.4863991088569017</v>
      </c>
      <c r="D79" s="158">
        <v>0.36245693213850172</v>
      </c>
    </row>
    <row r="80" spans="1:4">
      <c r="A80" s="56" t="s">
        <v>357</v>
      </c>
      <c r="B80" s="155">
        <v>40</v>
      </c>
      <c r="C80" s="83">
        <v>5.7359032841126636</v>
      </c>
      <c r="D80" s="84">
        <v>0.40458670040937844</v>
      </c>
    </row>
    <row r="81" spans="1:26">
      <c r="A81" s="48" t="s">
        <v>358</v>
      </c>
      <c r="B81" s="156">
        <v>84</v>
      </c>
      <c r="C81" s="157">
        <v>5.5723686886639152</v>
      </c>
      <c r="D81" s="158">
        <v>0.25688770855933357</v>
      </c>
    </row>
    <row r="82" spans="1:26">
      <c r="A82" s="56" t="s">
        <v>359</v>
      </c>
      <c r="B82" s="155">
        <v>99</v>
      </c>
      <c r="C82" s="83">
        <v>5.2636535931912292</v>
      </c>
      <c r="D82" s="84">
        <v>0.29500283944831363</v>
      </c>
    </row>
    <row r="83" spans="1:26">
      <c r="A83" s="48" t="s">
        <v>371</v>
      </c>
      <c r="B83" s="156">
        <v>146</v>
      </c>
      <c r="C83" s="157">
        <v>5.4746295489637724</v>
      </c>
      <c r="D83" s="158">
        <v>0.22076431051912015</v>
      </c>
    </row>
    <row r="84" spans="1:26">
      <c r="A84" s="56" t="s">
        <v>360</v>
      </c>
      <c r="B84" s="155">
        <v>82</v>
      </c>
      <c r="C84" s="83">
        <v>5.4608777535040938</v>
      </c>
      <c r="D84" s="84">
        <v>0.29564657058280269</v>
      </c>
    </row>
    <row r="85" spans="1:26">
      <c r="A85" s="48" t="s">
        <v>370</v>
      </c>
      <c r="B85" s="156">
        <v>239</v>
      </c>
      <c r="C85" s="157">
        <v>5.5111279431475566</v>
      </c>
      <c r="D85" s="158">
        <v>0.14860462655150639</v>
      </c>
    </row>
    <row r="86" spans="1:26">
      <c r="A86" s="56" t="s">
        <v>361</v>
      </c>
      <c r="B86" s="155">
        <v>99</v>
      </c>
      <c r="C86" s="83">
        <v>5.4292054527833011</v>
      </c>
      <c r="D86" s="84">
        <v>0.24418873380722014</v>
      </c>
    </row>
    <row r="87" spans="1:26">
      <c r="A87" s="48" t="s">
        <v>375</v>
      </c>
      <c r="B87" s="156">
        <v>94</v>
      </c>
      <c r="C87" s="157">
        <v>5.5524538580394225</v>
      </c>
      <c r="D87" s="158">
        <v>0.22472688038042346</v>
      </c>
    </row>
    <row r="88" spans="1:26">
      <c r="A88" s="56" t="s">
        <v>358</v>
      </c>
      <c r="B88" s="155">
        <v>84</v>
      </c>
      <c r="C88" s="83">
        <v>5.5723686886639152</v>
      </c>
      <c r="D88" s="84">
        <v>0.25688770855933357</v>
      </c>
    </row>
    <row r="90" spans="1:26" ht="18.75">
      <c r="A90" s="340" t="s">
        <v>363</v>
      </c>
      <c r="B90" s="340"/>
      <c r="C90" s="340"/>
      <c r="D90" s="340"/>
      <c r="E90" s="340"/>
      <c r="F90" s="340"/>
      <c r="G90" s="340"/>
      <c r="H90" s="340"/>
      <c r="I90" s="340"/>
      <c r="J90" s="340"/>
      <c r="K90" s="340"/>
      <c r="L90" s="340"/>
      <c r="M90" s="340"/>
      <c r="N90" s="340"/>
      <c r="O90" s="340"/>
      <c r="P90" s="340"/>
      <c r="Q90" s="340"/>
      <c r="R90" s="340"/>
      <c r="S90" s="340"/>
      <c r="T90" s="340"/>
      <c r="U90" s="340"/>
      <c r="V90" s="340"/>
    </row>
    <row r="91" spans="1:26" ht="58.5" customHeight="1">
      <c r="A91" s="345" t="s">
        <v>609</v>
      </c>
      <c r="B91" s="345"/>
      <c r="C91" s="345"/>
      <c r="D91" s="345"/>
      <c r="E91" s="345"/>
      <c r="F91" s="345"/>
      <c r="G91" s="345"/>
      <c r="H91" s="345"/>
      <c r="I91" s="345"/>
      <c r="J91" s="345"/>
      <c r="K91" s="345"/>
      <c r="L91" s="345"/>
      <c r="M91" s="345"/>
      <c r="N91" s="345"/>
      <c r="O91" s="345"/>
      <c r="P91" s="345"/>
      <c r="Q91" s="345"/>
      <c r="R91" s="345"/>
      <c r="S91" s="345"/>
      <c r="T91" s="345"/>
      <c r="U91" s="345"/>
      <c r="V91" s="345"/>
    </row>
    <row r="92" spans="1:26" ht="38.25" customHeight="1">
      <c r="A92" s="63" t="s">
        <v>70</v>
      </c>
      <c r="B92" s="346" t="s">
        <v>290</v>
      </c>
      <c r="C92" s="346"/>
      <c r="D92" s="346"/>
      <c r="E92" s="346"/>
      <c r="F92" s="346"/>
      <c r="G92" s="346"/>
      <c r="H92" s="346"/>
      <c r="I92" s="386" t="s">
        <v>214</v>
      </c>
      <c r="J92" s="387"/>
      <c r="K92" s="387"/>
      <c r="L92" s="387"/>
      <c r="M92" s="387"/>
      <c r="N92" s="387"/>
      <c r="O92" s="388"/>
      <c r="P92" s="395" t="s">
        <v>230</v>
      </c>
      <c r="Q92" s="396"/>
      <c r="R92" s="396"/>
      <c r="S92" s="396"/>
      <c r="T92" s="396"/>
      <c r="U92" s="396"/>
      <c r="V92" s="397"/>
    </row>
    <row r="93" spans="1:26" ht="72">
      <c r="A93" s="36" t="s">
        <v>70</v>
      </c>
      <c r="B93" s="37" t="s">
        <v>71</v>
      </c>
      <c r="C93" s="37" t="s">
        <v>156</v>
      </c>
      <c r="D93" s="88" t="s">
        <v>84</v>
      </c>
      <c r="E93" s="37" t="s">
        <v>157</v>
      </c>
      <c r="F93" s="88" t="s">
        <v>85</v>
      </c>
      <c r="G93" s="37" t="s">
        <v>158</v>
      </c>
      <c r="H93" s="88" t="s">
        <v>86</v>
      </c>
      <c r="I93" s="64" t="s">
        <v>71</v>
      </c>
      <c r="J93" s="64" t="s">
        <v>156</v>
      </c>
      <c r="K93" s="87" t="s">
        <v>84</v>
      </c>
      <c r="L93" s="64" t="s">
        <v>157</v>
      </c>
      <c r="M93" s="87" t="s">
        <v>85</v>
      </c>
      <c r="N93" s="64" t="s">
        <v>158</v>
      </c>
      <c r="O93" s="87" t="s">
        <v>86</v>
      </c>
      <c r="P93" s="37" t="s">
        <v>71</v>
      </c>
      <c r="Q93" s="37" t="s">
        <v>156</v>
      </c>
      <c r="R93" s="88" t="s">
        <v>84</v>
      </c>
      <c r="S93" s="37" t="s">
        <v>157</v>
      </c>
      <c r="T93" s="88" t="s">
        <v>85</v>
      </c>
      <c r="U93" s="37" t="s">
        <v>158</v>
      </c>
      <c r="V93" s="88" t="s">
        <v>86</v>
      </c>
      <c r="Z93" s="270"/>
    </row>
    <row r="94" spans="1:26" ht="72">
      <c r="A94" s="40"/>
      <c r="B94" s="41" t="s">
        <v>73</v>
      </c>
      <c r="C94" s="41" t="s">
        <v>159</v>
      </c>
      <c r="D94" s="90" t="s">
        <v>87</v>
      </c>
      <c r="E94" s="41" t="s">
        <v>160</v>
      </c>
      <c r="F94" s="90" t="s">
        <v>87</v>
      </c>
      <c r="G94" s="41" t="s">
        <v>161</v>
      </c>
      <c r="H94" s="90" t="s">
        <v>87</v>
      </c>
      <c r="I94" s="67" t="s">
        <v>73</v>
      </c>
      <c r="J94" s="67" t="s">
        <v>159</v>
      </c>
      <c r="K94" s="89" t="s">
        <v>87</v>
      </c>
      <c r="L94" s="67" t="s">
        <v>160</v>
      </c>
      <c r="M94" s="89" t="s">
        <v>87</v>
      </c>
      <c r="N94" s="67" t="s">
        <v>161</v>
      </c>
      <c r="O94" s="89" t="s">
        <v>87</v>
      </c>
      <c r="P94" s="41" t="s">
        <v>73</v>
      </c>
      <c r="Q94" s="41" t="s">
        <v>159</v>
      </c>
      <c r="R94" s="90" t="s">
        <v>87</v>
      </c>
      <c r="S94" s="41" t="s">
        <v>160</v>
      </c>
      <c r="T94" s="90" t="s">
        <v>87</v>
      </c>
      <c r="U94" s="41" t="s">
        <v>161</v>
      </c>
      <c r="V94" s="90" t="s">
        <v>87</v>
      </c>
    </row>
    <row r="95" spans="1:26">
      <c r="A95" s="44" t="s">
        <v>349</v>
      </c>
      <c r="B95" s="155">
        <v>10489</v>
      </c>
      <c r="C95" s="159">
        <v>0.14565470592678445</v>
      </c>
      <c r="D95" s="93">
        <v>6.8901089120470905E-3</v>
      </c>
      <c r="E95" s="159">
        <v>0.11374187917114803</v>
      </c>
      <c r="F95" s="93">
        <v>6.2024792183501959E-3</v>
      </c>
      <c r="G95" s="159">
        <v>0.74060341490207637</v>
      </c>
      <c r="H95" s="93">
        <v>8.5586450335398603E-3</v>
      </c>
      <c r="I95" s="155">
        <v>8312</v>
      </c>
      <c r="J95" s="159">
        <v>0.17744309172835074</v>
      </c>
      <c r="K95" s="93">
        <v>8.3817383862121574E-3</v>
      </c>
      <c r="L95" s="159">
        <v>0.12725743355485764</v>
      </c>
      <c r="M95" s="93">
        <v>7.313386375707615E-3</v>
      </c>
      <c r="N95" s="159">
        <v>0.69529947471679554</v>
      </c>
      <c r="O95" s="93">
        <v>1.0095617870299223E-2</v>
      </c>
      <c r="P95" s="155">
        <v>9626</v>
      </c>
      <c r="Q95" s="159">
        <v>0.11803423183595713</v>
      </c>
      <c r="R95" s="93">
        <v>6.5795974512955092E-3</v>
      </c>
      <c r="S95" s="159">
        <v>9.8303118975524198E-2</v>
      </c>
      <c r="T95" s="93">
        <v>6.0723788117061752E-3</v>
      </c>
      <c r="U95" s="159">
        <v>0.7836626491885258</v>
      </c>
      <c r="V95" s="93">
        <v>8.3933003107519218E-3</v>
      </c>
    </row>
    <row r="96" spans="1:26">
      <c r="A96" s="48" t="s">
        <v>350</v>
      </c>
      <c r="B96" s="156">
        <v>8304</v>
      </c>
      <c r="C96" s="160">
        <v>0.14117205369926639</v>
      </c>
      <c r="D96" s="96">
        <v>7.6441833036109364E-3</v>
      </c>
      <c r="E96" s="160">
        <v>0.10912478663506393</v>
      </c>
      <c r="F96" s="96">
        <v>6.8466823336989779E-3</v>
      </c>
      <c r="G96" s="160">
        <v>0.74970315966567358</v>
      </c>
      <c r="H96" s="96">
        <v>9.5065635720665183E-3</v>
      </c>
      <c r="I96" s="156">
        <v>6561</v>
      </c>
      <c r="J96" s="160">
        <v>0.18181338833319408</v>
      </c>
      <c r="K96" s="96">
        <v>9.5242702048950346E-3</v>
      </c>
      <c r="L96" s="160">
        <v>0.11615278684473487</v>
      </c>
      <c r="M96" s="96">
        <v>7.9158101162414458E-3</v>
      </c>
      <c r="N96" s="160">
        <v>0.70203382482207477</v>
      </c>
      <c r="O96" s="96">
        <v>1.1290852762469328E-2</v>
      </c>
      <c r="P96" s="156">
        <v>7483</v>
      </c>
      <c r="Q96" s="160">
        <v>0.1084955098102466</v>
      </c>
      <c r="R96" s="96">
        <v>7.1946720727196229E-3</v>
      </c>
      <c r="S96" s="160">
        <v>9.3708972906481808E-2</v>
      </c>
      <c r="T96" s="96">
        <v>6.7429649963781906E-3</v>
      </c>
      <c r="U96" s="160">
        <v>0.79779551728327425</v>
      </c>
      <c r="V96" s="96">
        <v>9.2863435419072611E-3</v>
      </c>
    </row>
    <row r="97" spans="1:22">
      <c r="A97" s="44" t="s">
        <v>351</v>
      </c>
      <c r="B97" s="155">
        <v>2185</v>
      </c>
      <c r="C97" s="159">
        <v>0.15051110979782892</v>
      </c>
      <c r="D97" s="93">
        <v>1.5311803847051563E-2</v>
      </c>
      <c r="E97" s="159">
        <v>0.11874393262681573</v>
      </c>
      <c r="F97" s="93">
        <v>1.3863166707576252E-2</v>
      </c>
      <c r="G97" s="159">
        <v>0.73074495757535696</v>
      </c>
      <c r="H97" s="93">
        <v>1.897083291588551E-2</v>
      </c>
      <c r="I97" s="155">
        <v>1751</v>
      </c>
      <c r="J97" s="159">
        <v>0.17304257853131097</v>
      </c>
      <c r="K97" s="93">
        <v>1.809034547158658E-2</v>
      </c>
      <c r="L97" s="159">
        <v>0.13843885871080203</v>
      </c>
      <c r="M97" s="93">
        <v>1.6528919048341806E-2</v>
      </c>
      <c r="N97" s="159">
        <v>0.68851856275788648</v>
      </c>
      <c r="O97" s="93">
        <v>2.2117148296631313E-2</v>
      </c>
      <c r="P97" s="155">
        <v>2143</v>
      </c>
      <c r="Q97" s="159">
        <v>0.12820596607496557</v>
      </c>
      <c r="R97" s="93">
        <v>1.4463469709951262E-2</v>
      </c>
      <c r="S97" s="159">
        <v>0.10320214347204745</v>
      </c>
      <c r="T97" s="93">
        <v>1.317275053546128E-2</v>
      </c>
      <c r="U97" s="159">
        <v>0.76859189045298848</v>
      </c>
      <c r="V97" s="93">
        <v>1.821708124947044E-2</v>
      </c>
    </row>
    <row r="98" spans="1:22">
      <c r="A98" s="48" t="s">
        <v>558</v>
      </c>
      <c r="B98" s="156">
        <v>220</v>
      </c>
      <c r="C98" s="160">
        <v>0.16160180151641326</v>
      </c>
      <c r="D98" s="96">
        <v>4.9917772690013851E-2</v>
      </c>
      <c r="E98" s="160">
        <v>0.12016745954599765</v>
      </c>
      <c r="F98" s="96">
        <v>4.4487926611849075E-2</v>
      </c>
      <c r="G98" s="160">
        <v>0.71823073893758926</v>
      </c>
      <c r="H98" s="96">
        <v>6.0365115088441196E-2</v>
      </c>
      <c r="I98" s="156">
        <v>185</v>
      </c>
      <c r="J98" s="160">
        <v>0.2112991546016805</v>
      </c>
      <c r="K98" s="96">
        <v>6.0007487030770607E-2</v>
      </c>
      <c r="L98" s="160">
        <v>0.10719984132432342</v>
      </c>
      <c r="M98" s="96">
        <v>4.6500794178269446E-2</v>
      </c>
      <c r="N98" s="160">
        <v>0.68150100407399616</v>
      </c>
      <c r="O98" s="96">
        <v>6.799268967598851E-2</v>
      </c>
      <c r="P98" s="156">
        <v>219</v>
      </c>
      <c r="Q98" s="160">
        <v>0.1159620509860385</v>
      </c>
      <c r="R98" s="96">
        <v>4.3964589956512985E-2</v>
      </c>
      <c r="S98" s="160">
        <v>0.12984953358885548</v>
      </c>
      <c r="T98" s="96">
        <v>4.5979085842157784E-2</v>
      </c>
      <c r="U98" s="160">
        <v>0.75418841542510617</v>
      </c>
      <c r="V98" s="96">
        <v>5.802201087886838E-2</v>
      </c>
    </row>
    <row r="99" spans="1:22">
      <c r="A99" s="44" t="s">
        <v>559</v>
      </c>
      <c r="B99" s="155">
        <v>2845</v>
      </c>
      <c r="C99" s="159">
        <v>0.1442915680743001</v>
      </c>
      <c r="D99" s="93">
        <v>1.318531972383939E-2</v>
      </c>
      <c r="E99" s="159">
        <v>0.1150287662982637</v>
      </c>
      <c r="F99" s="93">
        <v>1.1979449532247444E-2</v>
      </c>
      <c r="G99" s="159">
        <v>0.74067966562744303</v>
      </c>
      <c r="H99" s="93">
        <v>1.642861506825033E-2</v>
      </c>
      <c r="I99" s="155">
        <v>2309</v>
      </c>
      <c r="J99" s="159">
        <v>0.17332737149967398</v>
      </c>
      <c r="K99" s="93">
        <v>1.5761614268358853E-2</v>
      </c>
      <c r="L99" s="159">
        <v>0.13394056075061961</v>
      </c>
      <c r="M99" s="93">
        <v>1.419179060737424E-2</v>
      </c>
      <c r="N99" s="159">
        <v>0.6927320677497123</v>
      </c>
      <c r="O99" s="93">
        <v>1.9191740326976209E-2</v>
      </c>
      <c r="P99" s="155">
        <v>2612</v>
      </c>
      <c r="Q99" s="159">
        <v>0.12004597762696335</v>
      </c>
      <c r="R99" s="93">
        <v>1.2735613501169149E-2</v>
      </c>
      <c r="S99" s="159">
        <v>9.0295196443287984E-2</v>
      </c>
      <c r="T99" s="93">
        <v>1.124204841565711E-2</v>
      </c>
      <c r="U99" s="159">
        <v>0.78965882592975345</v>
      </c>
      <c r="V99" s="93">
        <v>1.5948797571335709E-2</v>
      </c>
    </row>
    <row r="100" spans="1:22">
      <c r="A100" s="48" t="s">
        <v>560</v>
      </c>
      <c r="B100" s="156">
        <v>2467</v>
      </c>
      <c r="C100" s="160">
        <v>0.14068600845773183</v>
      </c>
      <c r="D100" s="96">
        <v>1.4013412479503863E-2</v>
      </c>
      <c r="E100" s="160">
        <v>0.10534506766834616</v>
      </c>
      <c r="F100" s="96">
        <v>1.2384722751844537E-2</v>
      </c>
      <c r="G100" s="160">
        <v>0.75396892387392167</v>
      </c>
      <c r="H100" s="96">
        <v>1.7338416989893086E-2</v>
      </c>
      <c r="I100" s="156">
        <v>1998</v>
      </c>
      <c r="J100" s="160">
        <v>0.18427909912248064</v>
      </c>
      <c r="K100" s="96">
        <v>1.7353251429491189E-2</v>
      </c>
      <c r="L100" s="160">
        <v>0.12149354054489839</v>
      </c>
      <c r="M100" s="96">
        <v>1.4642239357642989E-2</v>
      </c>
      <c r="N100" s="160">
        <v>0.69422736033261789</v>
      </c>
      <c r="O100" s="96">
        <v>2.0601655958299409E-2</v>
      </c>
      <c r="P100" s="156">
        <v>2246</v>
      </c>
      <c r="Q100" s="160">
        <v>9.7210198771833442E-2</v>
      </c>
      <c r="R100" s="96">
        <v>1.2531681824921021E-2</v>
      </c>
      <c r="S100" s="160">
        <v>9.6629948085390785E-2</v>
      </c>
      <c r="T100" s="96">
        <v>1.2498576073801821E-2</v>
      </c>
      <c r="U100" s="160">
        <v>0.80615985314277439</v>
      </c>
      <c r="V100" s="96">
        <v>1.6685276224377064E-2</v>
      </c>
    </row>
    <row r="101" spans="1:22">
      <c r="A101" s="44" t="s">
        <v>368</v>
      </c>
      <c r="B101" s="155">
        <v>121</v>
      </c>
      <c r="C101" s="159">
        <v>0.20397644743452598</v>
      </c>
      <c r="D101" s="93">
        <v>7.3296906272348999E-2</v>
      </c>
      <c r="E101" s="159">
        <v>0.12706063959084074</v>
      </c>
      <c r="F101" s="93">
        <v>6.1883806667497356E-2</v>
      </c>
      <c r="G101" s="159">
        <v>0.66896291297463317</v>
      </c>
      <c r="H101" s="93">
        <v>8.4522073279157742E-2</v>
      </c>
      <c r="I101" s="155">
        <v>92</v>
      </c>
      <c r="J101" s="159">
        <v>0.16614339371613174</v>
      </c>
      <c r="K101" s="93">
        <v>7.8431130056700021E-2</v>
      </c>
      <c r="L101" s="159">
        <v>0.15146166281245399</v>
      </c>
      <c r="M101" s="93">
        <v>7.5947727150567773E-2</v>
      </c>
      <c r="N101" s="159">
        <v>0.68239494347141383</v>
      </c>
      <c r="O101" s="93">
        <v>9.5622228518038865E-2</v>
      </c>
      <c r="P101" s="155">
        <v>115</v>
      </c>
      <c r="Q101" s="159">
        <v>9.4417508907497685E-2</v>
      </c>
      <c r="R101" s="93">
        <v>5.6916750635025694E-2</v>
      </c>
      <c r="S101" s="159">
        <v>0.13784163383798378</v>
      </c>
      <c r="T101" s="93">
        <v>6.5468066956358942E-2</v>
      </c>
      <c r="U101" s="159">
        <v>0.76774085725451857</v>
      </c>
      <c r="V101" s="93">
        <v>7.8441330589858749E-2</v>
      </c>
    </row>
    <row r="102" spans="1:22">
      <c r="A102" s="48" t="s">
        <v>150</v>
      </c>
      <c r="B102" s="156">
        <v>237</v>
      </c>
      <c r="C102" s="160">
        <v>0.10657323599171488</v>
      </c>
      <c r="D102" s="96">
        <v>4.0803307231572064E-2</v>
      </c>
      <c r="E102" s="160">
        <v>6.7605121364571211E-2</v>
      </c>
      <c r="F102" s="96">
        <v>3.3887654824983633E-2</v>
      </c>
      <c r="G102" s="160">
        <v>0.82582164264371427</v>
      </c>
      <c r="H102" s="96">
        <v>4.945092499132623E-2</v>
      </c>
      <c r="I102" s="156">
        <v>200</v>
      </c>
      <c r="J102" s="160">
        <v>0.12751687957211522</v>
      </c>
      <c r="K102" s="96">
        <v>4.7824005579325708E-2</v>
      </c>
      <c r="L102" s="160">
        <v>0.11591942336171003</v>
      </c>
      <c r="M102" s="96">
        <v>4.6062704509220155E-2</v>
      </c>
      <c r="N102" s="160">
        <v>0.75656369706617543</v>
      </c>
      <c r="O102" s="96">
        <v>6.050945990372867E-2</v>
      </c>
      <c r="P102" s="156">
        <v>201</v>
      </c>
      <c r="Q102" s="160">
        <v>5.2973506296014376E-2</v>
      </c>
      <c r="R102" s="96">
        <v>3.3608820329093965E-2</v>
      </c>
      <c r="S102" s="160">
        <v>4.9231665969338027E-2</v>
      </c>
      <c r="T102" s="96">
        <v>3.2657870533704794E-2</v>
      </c>
      <c r="U102" s="160">
        <v>0.89779482773464792</v>
      </c>
      <c r="V102" s="96">
        <v>4.3700594740905097E-2</v>
      </c>
    </row>
    <row r="103" spans="1:22">
      <c r="A103" s="44" t="s">
        <v>352</v>
      </c>
      <c r="B103" s="155">
        <v>101</v>
      </c>
      <c r="C103" s="159">
        <v>9.6452745170015508E-2</v>
      </c>
      <c r="D103" s="93">
        <v>6.151141604646039E-2</v>
      </c>
      <c r="E103" s="159">
        <v>9.3884554026151784E-2</v>
      </c>
      <c r="F103" s="93">
        <v>6.091272986282241E-2</v>
      </c>
      <c r="G103" s="159">
        <v>0.80966270080383251</v>
      </c>
      <c r="H103" s="93">
        <v>7.838265849622128E-2</v>
      </c>
      <c r="I103" s="155">
        <v>90</v>
      </c>
      <c r="J103" s="159">
        <v>0.10810370441952466</v>
      </c>
      <c r="K103" s="93">
        <v>6.8170642761051961E-2</v>
      </c>
      <c r="L103" s="159">
        <v>0.10659308396009376</v>
      </c>
      <c r="M103" s="93">
        <v>6.7830381893548675E-2</v>
      </c>
      <c r="N103" s="159">
        <v>0.78530321162038053</v>
      </c>
      <c r="O103" s="93">
        <v>8.6389067216049012E-2</v>
      </c>
      <c r="P103" s="155">
        <v>80</v>
      </c>
      <c r="Q103" s="159">
        <v>3.6381226849891937E-2</v>
      </c>
      <c r="R103" s="93">
        <v>5.1195673704516574E-2</v>
      </c>
      <c r="S103" s="159">
        <v>8.5080884753698433E-2</v>
      </c>
      <c r="T103" s="93">
        <v>6.685012909803853E-2</v>
      </c>
      <c r="U103" s="159">
        <v>0.87853788839640945</v>
      </c>
      <c r="V103" s="93">
        <v>7.5602626502980164E-2</v>
      </c>
    </row>
    <row r="104" spans="1:22">
      <c r="A104" s="48" t="s">
        <v>353</v>
      </c>
      <c r="B104" s="156">
        <v>109</v>
      </c>
      <c r="C104" s="160">
        <v>0.16269747796449049</v>
      </c>
      <c r="D104" s="96">
        <v>7.1430186766173617E-2</v>
      </c>
      <c r="E104" s="160">
        <v>7.2036818298372621E-2</v>
      </c>
      <c r="F104" s="96">
        <v>5.3076857378095199E-2</v>
      </c>
      <c r="G104" s="160">
        <v>0.76526570373713687</v>
      </c>
      <c r="H104" s="96">
        <v>8.0820480996996333E-2</v>
      </c>
      <c r="I104" s="156">
        <v>90</v>
      </c>
      <c r="J104" s="160">
        <v>0.16558735212231221</v>
      </c>
      <c r="K104" s="96">
        <v>7.9220478869522146E-2</v>
      </c>
      <c r="L104" s="160">
        <v>0.15770793222252433</v>
      </c>
      <c r="M104" s="96">
        <v>7.7896651490365065E-2</v>
      </c>
      <c r="N104" s="160">
        <v>0.67670471565516221</v>
      </c>
      <c r="O104" s="96">
        <v>9.7058068145141979E-2</v>
      </c>
      <c r="P104" s="156">
        <v>93</v>
      </c>
      <c r="Q104" s="160">
        <v>9.2669846244366777E-2</v>
      </c>
      <c r="R104" s="96">
        <v>6.3403128266670605E-2</v>
      </c>
      <c r="S104" s="160">
        <v>3.9868058742722819E-2</v>
      </c>
      <c r="T104" s="96">
        <v>4.7788245774770442E-2</v>
      </c>
      <c r="U104" s="160">
        <v>0.86746209501291038</v>
      </c>
      <c r="V104" s="96">
        <v>7.204762319084114E-2</v>
      </c>
    </row>
    <row r="105" spans="1:22">
      <c r="A105" s="44" t="s">
        <v>369</v>
      </c>
      <c r="B105" s="155">
        <v>349</v>
      </c>
      <c r="C105" s="159">
        <v>0.13711147425724904</v>
      </c>
      <c r="D105" s="93">
        <v>3.7071165214506326E-2</v>
      </c>
      <c r="E105" s="159">
        <v>0.10758110954725428</v>
      </c>
      <c r="F105" s="93">
        <v>3.3574163557298087E-2</v>
      </c>
      <c r="G105" s="159">
        <v>0.75530741619549746</v>
      </c>
      <c r="H105" s="93">
        <v>4.5944536515940188E-2</v>
      </c>
      <c r="I105" s="155">
        <v>283</v>
      </c>
      <c r="J105" s="159">
        <v>0.16591059657182117</v>
      </c>
      <c r="K105" s="93">
        <v>4.4404512004992389E-2</v>
      </c>
      <c r="L105" s="159">
        <v>0.10429744165299609</v>
      </c>
      <c r="M105" s="93">
        <v>3.6910983142314738E-2</v>
      </c>
      <c r="N105" s="159">
        <v>0.72979196177518335</v>
      </c>
      <c r="O105" s="93">
        <v>5.2618844455176825E-2</v>
      </c>
      <c r="P105" s="155">
        <v>311</v>
      </c>
      <c r="Q105" s="159">
        <v>0.10792649119592258</v>
      </c>
      <c r="R105" s="93">
        <v>3.5662904596534387E-2</v>
      </c>
      <c r="S105" s="159">
        <v>9.0856158424161962E-2</v>
      </c>
      <c r="T105" s="93">
        <v>3.3204650475970703E-2</v>
      </c>
      <c r="U105" s="159">
        <v>0.8012173503799167</v>
      </c>
      <c r="V105" s="93">
        <v>4.5293789386720622E-2</v>
      </c>
    </row>
    <row r="106" spans="1:22">
      <c r="A106" s="48" t="s">
        <v>354</v>
      </c>
      <c r="B106" s="156">
        <v>62</v>
      </c>
      <c r="C106" s="160">
        <v>0.12662756909647341</v>
      </c>
      <c r="D106" s="96">
        <v>8.7725048305785369E-2</v>
      </c>
      <c r="E106" s="160">
        <v>3.9006260813291713E-2</v>
      </c>
      <c r="F106" s="96">
        <v>6.1527823429334265E-2</v>
      </c>
      <c r="G106" s="160">
        <v>0.83436617009023595</v>
      </c>
      <c r="H106" s="96">
        <v>9.5771259670039618E-2</v>
      </c>
      <c r="I106" s="156">
        <v>59</v>
      </c>
      <c r="J106" s="160">
        <v>0.21421436217228237</v>
      </c>
      <c r="K106" s="96">
        <v>0.10641892454421899</v>
      </c>
      <c r="L106" s="160">
        <v>7.8477450319268879E-3</v>
      </c>
      <c r="M106" s="96">
        <v>4.8838605965844953E-2</v>
      </c>
      <c r="N106" s="160">
        <v>0.77793789279579162</v>
      </c>
      <c r="O106" s="96">
        <v>0.10757015376918032</v>
      </c>
      <c r="P106" s="156">
        <v>51</v>
      </c>
      <c r="Q106" s="160">
        <v>0.10361547657019944</v>
      </c>
      <c r="R106" s="96">
        <v>9.1414013887044579E-2</v>
      </c>
      <c r="S106" s="160">
        <v>0.10282435085686011</v>
      </c>
      <c r="T106" s="96">
        <v>9.1199030033701223E-2</v>
      </c>
      <c r="U106" s="160">
        <v>0.79356017257294098</v>
      </c>
      <c r="V106" s="96">
        <v>0.11310543103917046</v>
      </c>
    </row>
    <row r="107" spans="1:22">
      <c r="A107" s="44" t="s">
        <v>355</v>
      </c>
      <c r="B107" s="155">
        <v>60</v>
      </c>
      <c r="C107" s="159">
        <v>0.18649848871201635</v>
      </c>
      <c r="D107" s="93">
        <v>0.10112439226550549</v>
      </c>
      <c r="E107" s="159">
        <v>9.3617973399160184E-2</v>
      </c>
      <c r="F107" s="93">
        <v>8.0952084386035295E-2</v>
      </c>
      <c r="G107" s="159">
        <v>0.71988353788882364</v>
      </c>
      <c r="H107" s="93">
        <v>0.1138820562196584</v>
      </c>
      <c r="I107" s="155">
        <v>47</v>
      </c>
      <c r="J107" s="159">
        <v>0.16866832503877027</v>
      </c>
      <c r="K107" s="93">
        <v>0.11088397261636203</v>
      </c>
      <c r="L107" s="159">
        <v>3.5373834206446436E-2</v>
      </c>
      <c r="M107" s="93">
        <v>7.2305285907979328E-2</v>
      </c>
      <c r="N107" s="159">
        <v>0.79595784075478382</v>
      </c>
      <c r="O107" s="93">
        <v>0.11735981657096853</v>
      </c>
      <c r="P107" s="155">
        <v>56</v>
      </c>
      <c r="Q107" s="159">
        <v>0.17786350725738187</v>
      </c>
      <c r="R107" s="93">
        <v>0.10315138632273993</v>
      </c>
      <c r="S107" s="159">
        <v>0.11869855202127001</v>
      </c>
      <c r="T107" s="93">
        <v>9.0682031918268791E-2</v>
      </c>
      <c r="U107" s="159">
        <v>0.70343794072134824</v>
      </c>
      <c r="V107" s="93">
        <v>0.11942845226843121</v>
      </c>
    </row>
    <row r="108" spans="1:22">
      <c r="A108" s="48" t="s">
        <v>356</v>
      </c>
      <c r="B108" s="156">
        <v>46</v>
      </c>
      <c r="C108" s="160">
        <v>7.7534146329926473E-2</v>
      </c>
      <c r="D108" s="96">
        <v>8.8965939883285883E-2</v>
      </c>
      <c r="E108" s="160">
        <v>0.18671828081146064</v>
      </c>
      <c r="F108" s="96">
        <v>0.11556113648697368</v>
      </c>
      <c r="G108" s="160">
        <v>0.7357475728586127</v>
      </c>
      <c r="H108" s="96">
        <v>0.1274236073929077</v>
      </c>
      <c r="I108" s="156">
        <v>37</v>
      </c>
      <c r="J108" s="160">
        <v>0.18595996210925703</v>
      </c>
      <c r="K108" s="96">
        <v>0.12866417420277135</v>
      </c>
      <c r="L108" s="160">
        <v>0.10636450841193573</v>
      </c>
      <c r="M108" s="96">
        <v>0.10990470620728783</v>
      </c>
      <c r="N108" s="160">
        <v>0.70767552947880707</v>
      </c>
      <c r="O108" s="96">
        <v>0.14478775192789164</v>
      </c>
      <c r="P108" s="156">
        <v>42</v>
      </c>
      <c r="Q108" s="160">
        <v>0.11716074551382089</v>
      </c>
      <c r="R108" s="96">
        <v>0.10542484540233928</v>
      </c>
      <c r="S108" s="160">
        <v>0.11335555058145584</v>
      </c>
      <c r="T108" s="96">
        <v>0.10441331967390836</v>
      </c>
      <c r="U108" s="160">
        <v>0.7694837039047232</v>
      </c>
      <c r="V108" s="96">
        <v>0.12835386920166475</v>
      </c>
    </row>
    <row r="109" spans="1:22">
      <c r="A109" s="56" t="s">
        <v>357</v>
      </c>
      <c r="B109" s="155">
        <v>41</v>
      </c>
      <c r="C109" s="159">
        <v>8.3934358294955894E-2</v>
      </c>
      <c r="D109" s="93">
        <v>9.7203939200733044E-2</v>
      </c>
      <c r="E109" s="159">
        <v>0.15232469244329233</v>
      </c>
      <c r="F109" s="93">
        <v>0.11533766373493158</v>
      </c>
      <c r="G109" s="159">
        <v>0.76374094926175173</v>
      </c>
      <c r="H109" s="93">
        <v>0.13072692594532043</v>
      </c>
      <c r="I109" s="155">
        <v>32</v>
      </c>
      <c r="J109" s="159">
        <v>2.3599267269257807E-2</v>
      </c>
      <c r="K109" s="93">
        <v>8.8616170207614878E-2</v>
      </c>
      <c r="L109" s="159">
        <v>8.4151786521551641E-2</v>
      </c>
      <c r="M109" s="93">
        <v>0.11223198132724634</v>
      </c>
      <c r="N109" s="159">
        <v>0.89224894620919049</v>
      </c>
      <c r="O109" s="93">
        <v>0.11945813248389713</v>
      </c>
      <c r="P109" s="155">
        <v>37</v>
      </c>
      <c r="Q109" s="159">
        <v>8.8892739114228639E-2</v>
      </c>
      <c r="R109" s="93">
        <v>0.10469913564893885</v>
      </c>
      <c r="S109" s="159">
        <v>5.0701205983384366E-2</v>
      </c>
      <c r="T109" s="93">
        <v>9.1384112444341858E-2</v>
      </c>
      <c r="U109" s="159">
        <v>0.86040605490238686</v>
      </c>
      <c r="V109" s="93">
        <v>0.11861642326733866</v>
      </c>
    </row>
    <row r="110" spans="1:22">
      <c r="A110" s="48" t="s">
        <v>358</v>
      </c>
      <c r="B110" s="156">
        <v>86</v>
      </c>
      <c r="C110" s="160">
        <v>7.7487036436480791E-2</v>
      </c>
      <c r="D110" s="96">
        <v>6.2181942712598907E-2</v>
      </c>
      <c r="E110" s="160">
        <v>3.1454668530412677E-2</v>
      </c>
      <c r="F110" s="96">
        <v>4.6925861870234356E-2</v>
      </c>
      <c r="G110" s="160">
        <v>0.8910582950331063</v>
      </c>
      <c r="H110" s="96">
        <v>7.0036437293606091E-2</v>
      </c>
      <c r="I110" s="156">
        <v>72</v>
      </c>
      <c r="J110" s="160">
        <v>0.19671068222478297</v>
      </c>
      <c r="K110" s="96">
        <v>9.3876558019347647E-2</v>
      </c>
      <c r="L110" s="160">
        <v>6.7743252404612625E-2</v>
      </c>
      <c r="M110" s="96">
        <v>6.5816537089808683E-2</v>
      </c>
      <c r="N110" s="160">
        <v>0.73554606537060441</v>
      </c>
      <c r="O110" s="96">
        <v>0.10265029203123027</v>
      </c>
      <c r="P110" s="156">
        <v>74</v>
      </c>
      <c r="Q110" s="160">
        <v>2.0032438941098522E-2</v>
      </c>
      <c r="R110" s="96">
        <v>4.6768869997487993E-2</v>
      </c>
      <c r="S110" s="160">
        <v>6.1066584972456352E-2</v>
      </c>
      <c r="T110" s="96">
        <v>6.267173109153322E-2</v>
      </c>
      <c r="U110" s="160">
        <v>0.91890097608644539</v>
      </c>
      <c r="V110" s="96">
        <v>6.8709062587970382E-2</v>
      </c>
    </row>
    <row r="111" spans="1:22">
      <c r="A111" s="56" t="s">
        <v>359</v>
      </c>
      <c r="B111" s="155">
        <v>101</v>
      </c>
      <c r="C111" s="159">
        <v>0.16597361493235407</v>
      </c>
      <c r="D111" s="93">
        <v>7.4773384839544932E-2</v>
      </c>
      <c r="E111" s="159">
        <v>9.8557993469429658E-2</v>
      </c>
      <c r="F111" s="93">
        <v>6.1995074155550479E-2</v>
      </c>
      <c r="G111" s="159">
        <v>0.73546839159821586</v>
      </c>
      <c r="H111" s="93">
        <v>8.7002699525671745E-2</v>
      </c>
      <c r="I111" s="155">
        <v>80</v>
      </c>
      <c r="J111" s="159">
        <v>0.1997681067447882</v>
      </c>
      <c r="K111" s="93">
        <v>8.9506875966980134E-2</v>
      </c>
      <c r="L111" s="159">
        <v>0.16231881885984203</v>
      </c>
      <c r="M111" s="93">
        <v>8.3544318568341935E-2</v>
      </c>
      <c r="N111" s="159">
        <v>0.63791307439536915</v>
      </c>
      <c r="O111" s="93">
        <v>0.10527702338894478</v>
      </c>
      <c r="P111" s="155">
        <v>93</v>
      </c>
      <c r="Q111" s="159">
        <v>0.10564456970551542</v>
      </c>
      <c r="R111" s="93">
        <v>6.6439777602377806E-2</v>
      </c>
      <c r="S111" s="159">
        <v>9.029871034570558E-2</v>
      </c>
      <c r="T111" s="93">
        <v>6.2821343507358074E-2</v>
      </c>
      <c r="U111" s="159">
        <v>0.80405671994877892</v>
      </c>
      <c r="V111" s="93">
        <v>8.2491382026667642E-2</v>
      </c>
    </row>
    <row r="112" spans="1:22">
      <c r="A112" s="48" t="s">
        <v>371</v>
      </c>
      <c r="B112" s="156">
        <v>148</v>
      </c>
      <c r="C112" s="160">
        <v>0.12269295702699573</v>
      </c>
      <c r="D112" s="96">
        <v>5.5019965527035038E-2</v>
      </c>
      <c r="E112" s="160">
        <v>0.1181349098172538</v>
      </c>
      <c r="F112" s="96">
        <v>5.4229739256587403E-2</v>
      </c>
      <c r="G112" s="160">
        <v>0.75917213315575072</v>
      </c>
      <c r="H112" s="96">
        <v>7.0022282551317469E-2</v>
      </c>
      <c r="I112" s="156">
        <v>109</v>
      </c>
      <c r="J112" s="160">
        <v>0.24404954846171789</v>
      </c>
      <c r="K112" s="96">
        <v>8.1803823228147179E-2</v>
      </c>
      <c r="L112" s="160">
        <v>0.1002695347245675</v>
      </c>
      <c r="M112" s="96">
        <v>5.9890020964949088E-2</v>
      </c>
      <c r="N112" s="160">
        <v>0.65568091681371488</v>
      </c>
      <c r="O112" s="96">
        <v>8.9728981259570448E-2</v>
      </c>
      <c r="P112" s="156">
        <v>141</v>
      </c>
      <c r="Q112" s="160">
        <v>8.5264751967005864E-2</v>
      </c>
      <c r="R112" s="96">
        <v>4.9089285918343446E-2</v>
      </c>
      <c r="S112" s="160">
        <v>7.0962884790778627E-2</v>
      </c>
      <c r="T112" s="96">
        <v>4.5770889045619517E-2</v>
      </c>
      <c r="U112" s="160">
        <v>0.84377236324221561</v>
      </c>
      <c r="V112" s="96">
        <v>6.1756110450037829E-2</v>
      </c>
    </row>
    <row r="113" spans="1:22">
      <c r="A113" s="56" t="s">
        <v>360</v>
      </c>
      <c r="B113" s="155">
        <v>83</v>
      </c>
      <c r="C113" s="159">
        <v>0.12604984862895224</v>
      </c>
      <c r="D113" s="93">
        <v>7.5116587917561248E-2</v>
      </c>
      <c r="E113" s="159">
        <v>0.1095104477616715</v>
      </c>
      <c r="F113" s="93">
        <v>7.1508193099050321E-2</v>
      </c>
      <c r="G113" s="159">
        <v>0.76443970360937641</v>
      </c>
      <c r="H113" s="93">
        <v>9.2563495781917443E-2</v>
      </c>
      <c r="I113" s="155">
        <v>64</v>
      </c>
      <c r="J113" s="159">
        <v>0.23357094123851727</v>
      </c>
      <c r="K113" s="93">
        <v>0.10491482447789464</v>
      </c>
      <c r="L113" s="159">
        <v>0.11222765720828434</v>
      </c>
      <c r="M113" s="93">
        <v>8.2889930182358504E-2</v>
      </c>
      <c r="N113" s="159">
        <v>0.65420140155319817</v>
      </c>
      <c r="O113" s="93">
        <v>0.11604691519738528</v>
      </c>
      <c r="P113" s="155">
        <v>78</v>
      </c>
      <c r="Q113" s="159">
        <v>7.5615095160763438E-2</v>
      </c>
      <c r="R113" s="93">
        <v>6.5160167501355518E-2</v>
      </c>
      <c r="S113" s="159">
        <v>5.6795774378824063E-2</v>
      </c>
      <c r="T113" s="93">
        <v>5.9373354952776056E-2</v>
      </c>
      <c r="U113" s="159">
        <v>0.86758913046041253</v>
      </c>
      <c r="V113" s="93">
        <v>7.8937862456538485E-2</v>
      </c>
    </row>
    <row r="114" spans="1:22">
      <c r="A114" s="48" t="s">
        <v>370</v>
      </c>
      <c r="B114" s="156">
        <v>242</v>
      </c>
      <c r="C114" s="160">
        <v>7.4432328756252247E-2</v>
      </c>
      <c r="D114" s="96">
        <v>3.4859522852751977E-2</v>
      </c>
      <c r="E114" s="160">
        <v>0.10798868516034257</v>
      </c>
      <c r="F114" s="96">
        <v>4.0581943752539831E-2</v>
      </c>
      <c r="G114" s="160">
        <v>0.81757898608340496</v>
      </c>
      <c r="H114" s="96">
        <v>4.9779482045184967E-2</v>
      </c>
      <c r="I114" s="156">
        <v>204</v>
      </c>
      <c r="J114" s="160">
        <v>0.15598736180203887</v>
      </c>
      <c r="K114" s="96">
        <v>5.1171517257474264E-2</v>
      </c>
      <c r="L114" s="160">
        <v>0.12134999863772167</v>
      </c>
      <c r="M114" s="96">
        <v>4.6427281356519703E-2</v>
      </c>
      <c r="N114" s="160">
        <v>0.7226626395602388</v>
      </c>
      <c r="O114" s="96">
        <v>6.2374471608457091E-2</v>
      </c>
      <c r="P114" s="156">
        <v>230</v>
      </c>
      <c r="Q114" s="160">
        <v>5.4340812828187264E-2</v>
      </c>
      <c r="R114" s="96">
        <v>3.1519905798034237E-2</v>
      </c>
      <c r="S114" s="160">
        <v>0.12424560336730486</v>
      </c>
      <c r="T114" s="96">
        <v>4.4065691404033991E-2</v>
      </c>
      <c r="U114" s="160">
        <v>0.82141358380450769</v>
      </c>
      <c r="V114" s="96">
        <v>5.0669867321911637E-2</v>
      </c>
    </row>
    <row r="115" spans="1:22">
      <c r="A115" s="56" t="s">
        <v>361</v>
      </c>
      <c r="B115" s="155">
        <v>100</v>
      </c>
      <c r="C115" s="159">
        <v>0.10339202150596308</v>
      </c>
      <c r="D115" s="93">
        <v>6.3418409058580066E-2</v>
      </c>
      <c r="E115" s="159">
        <v>0.14158606070302387</v>
      </c>
      <c r="F115" s="93">
        <v>7.1044676796597941E-2</v>
      </c>
      <c r="G115" s="159">
        <v>0.7550219177910128</v>
      </c>
      <c r="H115" s="93">
        <v>8.5455880890295738E-2</v>
      </c>
      <c r="I115" s="155">
        <v>81</v>
      </c>
      <c r="J115" s="159">
        <v>0.13987181321732436</v>
      </c>
      <c r="K115" s="93">
        <v>7.8882434142085553E-2</v>
      </c>
      <c r="L115" s="159">
        <v>0.16480814902365951</v>
      </c>
      <c r="M115" s="93">
        <v>8.3446937462373666E-2</v>
      </c>
      <c r="N115" s="159">
        <v>0.69532003775901619</v>
      </c>
      <c r="O115" s="93">
        <v>0.1006697989741742</v>
      </c>
      <c r="P115" s="155">
        <v>97</v>
      </c>
      <c r="Q115" s="159">
        <v>7.1740555689764396E-2</v>
      </c>
      <c r="R115" s="93">
        <v>5.6580233251872593E-2</v>
      </c>
      <c r="S115" s="159">
        <v>0.14170946169827472</v>
      </c>
      <c r="T115" s="93">
        <v>7.2191886710131006E-2</v>
      </c>
      <c r="U115" s="159">
        <v>0.78654998261196074</v>
      </c>
      <c r="V115" s="93">
        <v>8.3075571408743429E-2</v>
      </c>
    </row>
    <row r="116" spans="1:22">
      <c r="A116" s="48" t="s">
        <v>375</v>
      </c>
      <c r="B116" s="156">
        <v>95</v>
      </c>
      <c r="C116" s="160">
        <v>5.6609260275994729E-2</v>
      </c>
      <c r="D116" s="96">
        <v>5.2788966345087639E-2</v>
      </c>
      <c r="E116" s="160">
        <v>0.10824654123187871</v>
      </c>
      <c r="F116" s="96">
        <v>6.6265571347670069E-2</v>
      </c>
      <c r="G116" s="160">
        <v>0.8351441984921264</v>
      </c>
      <c r="H116" s="96">
        <v>7.6955056627294655E-2</v>
      </c>
      <c r="I116" s="156">
        <v>79</v>
      </c>
      <c r="J116" s="160">
        <v>0.15028255676770305</v>
      </c>
      <c r="K116" s="96">
        <v>8.1905567161082687E-2</v>
      </c>
      <c r="L116" s="160">
        <v>0.12283175484172711</v>
      </c>
      <c r="M116" s="96">
        <v>7.6402589379285277E-2</v>
      </c>
      <c r="N116" s="160">
        <v>0.72688568839056955</v>
      </c>
      <c r="O116" s="96">
        <v>9.8998594678009283E-2</v>
      </c>
      <c r="P116" s="156">
        <v>91</v>
      </c>
      <c r="Q116" s="160">
        <v>4.8711635260512712E-2</v>
      </c>
      <c r="R116" s="96">
        <v>5.155606710275451E-2</v>
      </c>
      <c r="S116" s="160">
        <v>0.13062688281709986</v>
      </c>
      <c r="T116" s="96">
        <v>7.2492760543866316E-2</v>
      </c>
      <c r="U116" s="160">
        <v>0.8206614819223873</v>
      </c>
      <c r="V116" s="96">
        <v>8.0955547950888843E-2</v>
      </c>
    </row>
    <row r="117" spans="1:22">
      <c r="A117" s="56" t="s">
        <v>358</v>
      </c>
      <c r="B117" s="155">
        <v>86</v>
      </c>
      <c r="C117" s="159">
        <v>7.7487036436480791E-2</v>
      </c>
      <c r="D117" s="93">
        <v>6.2181942712598907E-2</v>
      </c>
      <c r="E117" s="159">
        <v>3.1454668530412677E-2</v>
      </c>
      <c r="F117" s="93">
        <v>4.6925861870234356E-2</v>
      </c>
      <c r="G117" s="159">
        <v>0.8910582950331063</v>
      </c>
      <c r="H117" s="93">
        <v>7.0036437293606091E-2</v>
      </c>
      <c r="I117" s="155">
        <v>72</v>
      </c>
      <c r="J117" s="159">
        <v>0.19671068222478297</v>
      </c>
      <c r="K117" s="93">
        <v>9.3876558019347647E-2</v>
      </c>
      <c r="L117" s="159">
        <v>6.7743252404612625E-2</v>
      </c>
      <c r="M117" s="93">
        <v>6.5816537089808683E-2</v>
      </c>
      <c r="N117" s="159">
        <v>0.73554606537060441</v>
      </c>
      <c r="O117" s="93">
        <v>0.10265029203123027</v>
      </c>
      <c r="P117" s="155">
        <v>74</v>
      </c>
      <c r="Q117" s="159">
        <v>2.0032438941098522E-2</v>
      </c>
      <c r="R117" s="93">
        <v>4.6768869997487993E-2</v>
      </c>
      <c r="S117" s="159">
        <v>6.1066584972456352E-2</v>
      </c>
      <c r="T117" s="93">
        <v>6.267173109153322E-2</v>
      </c>
      <c r="U117" s="159">
        <v>0.91890097608644539</v>
      </c>
      <c r="V117" s="93">
        <v>6.8709062587970382E-2</v>
      </c>
    </row>
    <row r="119" spans="1:22" ht="18.75">
      <c r="A119" s="340" t="s">
        <v>4</v>
      </c>
      <c r="B119" s="340"/>
      <c r="C119" s="340"/>
      <c r="D119" s="340"/>
    </row>
    <row r="120" spans="1:22" ht="140.25" customHeight="1">
      <c r="A120" s="350" t="s">
        <v>399</v>
      </c>
      <c r="B120" s="372"/>
      <c r="C120" s="372"/>
      <c r="D120" s="372"/>
    </row>
    <row r="121" spans="1:22" ht="41.25" customHeight="1">
      <c r="A121" s="351" t="s">
        <v>400</v>
      </c>
      <c r="B121" s="352"/>
      <c r="C121" s="352"/>
      <c r="D121" s="352"/>
    </row>
    <row r="122" spans="1:22" ht="72">
      <c r="A122" s="36" t="s">
        <v>70</v>
      </c>
      <c r="B122" s="37" t="s">
        <v>71</v>
      </c>
      <c r="C122" s="38" t="s">
        <v>594</v>
      </c>
      <c r="D122" s="39" t="s">
        <v>72</v>
      </c>
    </row>
    <row r="123" spans="1:22" ht="108">
      <c r="A123" s="40"/>
      <c r="B123" s="41" t="s">
        <v>73</v>
      </c>
      <c r="C123" s="42" t="s">
        <v>401</v>
      </c>
      <c r="D123" s="43" t="s">
        <v>75</v>
      </c>
    </row>
    <row r="124" spans="1:22">
      <c r="A124" s="44" t="s">
        <v>349</v>
      </c>
      <c r="B124" s="82">
        <v>12672</v>
      </c>
      <c r="C124" s="83">
        <v>4.3322968797313424</v>
      </c>
      <c r="D124" s="84">
        <v>2.3528368041419931E-2</v>
      </c>
    </row>
    <row r="125" spans="1:22">
      <c r="A125" s="48" t="s">
        <v>350</v>
      </c>
      <c r="B125" s="118">
        <v>9414</v>
      </c>
      <c r="C125" s="119">
        <v>4.3457102995732457</v>
      </c>
      <c r="D125" s="120">
        <v>2.7090466565666174E-2</v>
      </c>
    </row>
    <row r="126" spans="1:22">
      <c r="A126" s="44" t="s">
        <v>351</v>
      </c>
      <c r="B126" s="82">
        <v>3258</v>
      </c>
      <c r="C126" s="83">
        <v>4.3211313247473422</v>
      </c>
      <c r="D126" s="84">
        <v>4.7156791440410843E-2</v>
      </c>
    </row>
    <row r="127" spans="1:22">
      <c r="A127" s="48" t="s">
        <v>558</v>
      </c>
      <c r="B127" s="118">
        <v>296</v>
      </c>
      <c r="C127" s="119">
        <v>4.3349148213077298</v>
      </c>
      <c r="D127" s="120">
        <v>0.15451261430846278</v>
      </c>
    </row>
    <row r="128" spans="1:22">
      <c r="A128" s="44" t="s">
        <v>559</v>
      </c>
      <c r="B128" s="82">
        <v>3331</v>
      </c>
      <c r="C128" s="83">
        <v>4.3559884103933966</v>
      </c>
      <c r="D128" s="84">
        <v>4.6416869700554905E-2</v>
      </c>
    </row>
    <row r="129" spans="1:4">
      <c r="A129" s="48" t="s">
        <v>560</v>
      </c>
      <c r="B129" s="118">
        <v>2760</v>
      </c>
      <c r="C129" s="119">
        <v>4.3810743339557225</v>
      </c>
      <c r="D129" s="120">
        <v>5.0503599166320912E-2</v>
      </c>
    </row>
    <row r="130" spans="1:4">
      <c r="A130" s="44" t="s">
        <v>368</v>
      </c>
      <c r="B130" s="82">
        <v>137</v>
      </c>
      <c r="C130" s="83">
        <v>4.3991952869807678</v>
      </c>
      <c r="D130" s="84">
        <v>0.21634855676528469</v>
      </c>
    </row>
    <row r="131" spans="1:4">
      <c r="A131" s="48" t="s">
        <v>150</v>
      </c>
      <c r="B131" s="118">
        <v>259</v>
      </c>
      <c r="C131" s="119">
        <v>4.6385005058689561</v>
      </c>
      <c r="D131" s="120">
        <v>0.15785722127597276</v>
      </c>
    </row>
    <row r="132" spans="1:4">
      <c r="A132" s="44" t="s">
        <v>352</v>
      </c>
      <c r="B132" s="82">
        <v>116</v>
      </c>
      <c r="C132" s="83">
        <v>4.469657555455238</v>
      </c>
      <c r="D132" s="84">
        <v>0.22535147450896534</v>
      </c>
    </row>
    <row r="133" spans="1:4">
      <c r="A133" s="48" t="s">
        <v>353</v>
      </c>
      <c r="B133" s="118">
        <v>110</v>
      </c>
      <c r="C133" s="119">
        <v>4.8718194482387034</v>
      </c>
      <c r="D133" s="120">
        <v>0.25103428990387439</v>
      </c>
    </row>
    <row r="134" spans="1:4">
      <c r="A134" s="44" t="s">
        <v>369</v>
      </c>
      <c r="B134" s="115">
        <v>398</v>
      </c>
      <c r="C134" s="116">
        <v>4.5967793005892208</v>
      </c>
      <c r="D134" s="117">
        <v>0.13018055171206619</v>
      </c>
    </row>
    <row r="135" spans="1:4">
      <c r="A135" s="48" t="s">
        <v>354</v>
      </c>
      <c r="B135" s="118">
        <v>66</v>
      </c>
      <c r="C135" s="119">
        <v>4.5356812703185643</v>
      </c>
      <c r="D135" s="120">
        <v>0.31976601563795271</v>
      </c>
    </row>
    <row r="136" spans="1:4">
      <c r="A136" s="44" t="s">
        <v>355</v>
      </c>
      <c r="B136" s="82">
        <v>74</v>
      </c>
      <c r="C136" s="83">
        <v>4.7781078627749869</v>
      </c>
      <c r="D136" s="84">
        <v>0.33039179554106507</v>
      </c>
    </row>
    <row r="137" spans="1:4">
      <c r="A137" s="48" t="s">
        <v>356</v>
      </c>
      <c r="B137" s="118">
        <v>60</v>
      </c>
      <c r="C137" s="119">
        <v>4.1651953653369693</v>
      </c>
      <c r="D137" s="120">
        <v>0.33304770530856315</v>
      </c>
    </row>
    <row r="138" spans="1:4">
      <c r="A138" s="56" t="s">
        <v>357</v>
      </c>
      <c r="B138" s="115">
        <v>51</v>
      </c>
      <c r="C138" s="116">
        <v>5.0801548101689651</v>
      </c>
      <c r="D138" s="117">
        <v>0.29532480925602672</v>
      </c>
    </row>
    <row r="139" spans="1:4">
      <c r="A139" s="48" t="s">
        <v>358</v>
      </c>
      <c r="B139" s="118">
        <v>93</v>
      </c>
      <c r="C139" s="119">
        <v>4.1615671118929152</v>
      </c>
      <c r="D139" s="120">
        <v>0.29904967792920517</v>
      </c>
    </row>
    <row r="140" spans="1:4">
      <c r="A140" s="56" t="s">
        <v>359</v>
      </c>
      <c r="B140" s="115">
        <v>106</v>
      </c>
      <c r="C140" s="116">
        <v>4.5063958539583471</v>
      </c>
      <c r="D140" s="117">
        <v>0.24535816942612984</v>
      </c>
    </row>
    <row r="141" spans="1:4">
      <c r="A141" s="48" t="s">
        <v>371</v>
      </c>
      <c r="B141" s="118">
        <v>174</v>
      </c>
      <c r="C141" s="119">
        <v>4.6740885346674839</v>
      </c>
      <c r="D141" s="120">
        <v>0.17689297995115716</v>
      </c>
    </row>
    <row r="142" spans="1:4">
      <c r="A142" s="56" t="s">
        <v>360</v>
      </c>
      <c r="B142" s="115">
        <v>101</v>
      </c>
      <c r="C142" s="116">
        <v>4.8107997454061859</v>
      </c>
      <c r="D142" s="117">
        <v>0.20613985198340173</v>
      </c>
    </row>
    <row r="143" spans="1:4">
      <c r="A143" s="48" t="s">
        <v>370</v>
      </c>
      <c r="B143" s="118">
        <v>280</v>
      </c>
      <c r="C143" s="119">
        <v>4.5230943774536527</v>
      </c>
      <c r="D143" s="120">
        <v>0.16237711433590554</v>
      </c>
    </row>
    <row r="144" spans="1:4">
      <c r="A144" s="56" t="s">
        <v>361</v>
      </c>
      <c r="B144" s="115">
        <v>119</v>
      </c>
      <c r="C144" s="116">
        <v>4.4582258896798992</v>
      </c>
      <c r="D144" s="117">
        <v>0.23738084322728381</v>
      </c>
    </row>
    <row r="145" spans="1:28">
      <c r="A145" s="48" t="s">
        <v>375</v>
      </c>
      <c r="B145" s="118">
        <v>109</v>
      </c>
      <c r="C145" s="119">
        <v>4.7566503428310325</v>
      </c>
      <c r="D145" s="120">
        <v>0.24920479087804148</v>
      </c>
    </row>
    <row r="146" spans="1:28">
      <c r="A146" s="56" t="s">
        <v>358</v>
      </c>
      <c r="B146" s="115">
        <v>93</v>
      </c>
      <c r="C146" s="116">
        <v>4.1615671118929152</v>
      </c>
      <c r="D146" s="117">
        <v>0.29904967792920517</v>
      </c>
    </row>
    <row r="148" spans="1:28" ht="18.75">
      <c r="A148" s="340" t="s">
        <v>519</v>
      </c>
      <c r="B148" s="340"/>
      <c r="C148" s="340"/>
      <c r="D148" s="340"/>
      <c r="E148" s="340"/>
      <c r="F148" s="340"/>
      <c r="G148" s="340"/>
      <c r="H148" s="340"/>
      <c r="I148" s="340"/>
      <c r="J148" s="340"/>
      <c r="K148" s="340"/>
      <c r="L148" s="340"/>
      <c r="M148" s="340"/>
      <c r="N148" s="340"/>
      <c r="O148" s="340"/>
      <c r="P148" s="340"/>
      <c r="Q148" s="340"/>
      <c r="R148" s="340"/>
      <c r="S148" s="340"/>
      <c r="T148" s="340"/>
      <c r="U148" s="340"/>
      <c r="V148" s="340"/>
      <c r="W148" s="340"/>
      <c r="X148" s="340"/>
      <c r="Y148" s="340"/>
      <c r="Z148" s="340"/>
      <c r="AA148" s="340"/>
      <c r="AB148" s="340"/>
    </row>
    <row r="149" spans="1:28" ht="57.75" customHeight="1">
      <c r="A149" s="394" t="s">
        <v>595</v>
      </c>
      <c r="B149" s="394"/>
      <c r="C149" s="394"/>
      <c r="D149" s="394"/>
      <c r="E149" s="394"/>
      <c r="F149" s="394"/>
      <c r="G149" s="394"/>
      <c r="H149" s="394"/>
      <c r="I149" s="394"/>
      <c r="J149" s="394"/>
      <c r="K149" s="394"/>
      <c r="L149" s="394"/>
      <c r="M149" s="394"/>
      <c r="N149" s="394"/>
      <c r="O149" s="394"/>
      <c r="P149" s="394"/>
      <c r="Q149" s="394"/>
      <c r="R149" s="394"/>
      <c r="S149" s="394"/>
      <c r="T149" s="394"/>
      <c r="U149" s="394"/>
      <c r="V149" s="394"/>
      <c r="W149" s="394"/>
      <c r="X149" s="394"/>
      <c r="Y149" s="394"/>
      <c r="Z149" s="394"/>
      <c r="AA149" s="394"/>
      <c r="AB149" s="394"/>
    </row>
    <row r="150" spans="1:28" ht="40.5" customHeight="1">
      <c r="A150" s="301"/>
      <c r="B150" s="389" t="s">
        <v>402</v>
      </c>
      <c r="C150" s="390"/>
      <c r="D150" s="390"/>
      <c r="E150" s="390"/>
      <c r="F150" s="390"/>
      <c r="G150" s="390"/>
      <c r="H150" s="390"/>
      <c r="I150" s="390"/>
      <c r="J150" s="391"/>
      <c r="K150" s="366" t="s">
        <v>403</v>
      </c>
      <c r="L150" s="367"/>
      <c r="M150" s="367"/>
      <c r="N150" s="367"/>
      <c r="O150" s="367"/>
      <c r="P150" s="367"/>
      <c r="Q150" s="367"/>
      <c r="R150" s="367"/>
      <c r="S150" s="368"/>
      <c r="T150" s="389" t="s">
        <v>120</v>
      </c>
      <c r="U150" s="390"/>
      <c r="V150" s="390"/>
      <c r="W150" s="390"/>
      <c r="X150" s="390"/>
      <c r="Y150" s="390"/>
      <c r="Z150" s="390"/>
      <c r="AA150" s="390"/>
      <c r="AB150" s="390"/>
    </row>
    <row r="151" spans="1:28" ht="72">
      <c r="A151" s="36" t="s">
        <v>70</v>
      </c>
      <c r="B151" s="37" t="s">
        <v>71</v>
      </c>
      <c r="C151" s="37" t="s">
        <v>156</v>
      </c>
      <c r="D151" s="88" t="s">
        <v>84</v>
      </c>
      <c r="E151" s="37" t="s">
        <v>157</v>
      </c>
      <c r="F151" s="88" t="s">
        <v>85</v>
      </c>
      <c r="G151" s="37" t="s">
        <v>158</v>
      </c>
      <c r="H151" s="88" t="s">
        <v>86</v>
      </c>
      <c r="I151" s="37" t="s">
        <v>301</v>
      </c>
      <c r="J151" s="88" t="s">
        <v>300</v>
      </c>
      <c r="K151" s="64" t="s">
        <v>71</v>
      </c>
      <c r="L151" s="64" t="s">
        <v>156</v>
      </c>
      <c r="M151" s="87" t="s">
        <v>84</v>
      </c>
      <c r="N151" s="64" t="s">
        <v>157</v>
      </c>
      <c r="O151" s="87" t="s">
        <v>85</v>
      </c>
      <c r="P151" s="64" t="s">
        <v>158</v>
      </c>
      <c r="Q151" s="87" t="s">
        <v>86</v>
      </c>
      <c r="R151" s="64" t="s">
        <v>301</v>
      </c>
      <c r="S151" s="87" t="s">
        <v>300</v>
      </c>
      <c r="T151" s="37" t="s">
        <v>71</v>
      </c>
      <c r="U151" s="37" t="s">
        <v>156</v>
      </c>
      <c r="V151" s="88" t="s">
        <v>84</v>
      </c>
      <c r="W151" s="37" t="s">
        <v>157</v>
      </c>
      <c r="X151" s="88" t="s">
        <v>85</v>
      </c>
      <c r="Y151" s="37" t="s">
        <v>158</v>
      </c>
      <c r="Z151" s="88" t="s">
        <v>86</v>
      </c>
      <c r="AA151" s="37" t="s">
        <v>301</v>
      </c>
      <c r="AB151" s="88" t="s">
        <v>300</v>
      </c>
    </row>
    <row r="152" spans="1:28" ht="72">
      <c r="A152" s="40"/>
      <c r="B152" s="41" t="s">
        <v>73</v>
      </c>
      <c r="C152" s="41" t="s">
        <v>159</v>
      </c>
      <c r="D152" s="90" t="s">
        <v>87</v>
      </c>
      <c r="E152" s="41" t="s">
        <v>160</v>
      </c>
      <c r="F152" s="90" t="s">
        <v>87</v>
      </c>
      <c r="G152" s="41" t="s">
        <v>161</v>
      </c>
      <c r="H152" s="90" t="s">
        <v>87</v>
      </c>
      <c r="I152" s="41" t="s">
        <v>301</v>
      </c>
      <c r="J152" s="90" t="s">
        <v>87</v>
      </c>
      <c r="K152" s="67" t="s">
        <v>73</v>
      </c>
      <c r="L152" s="67" t="s">
        <v>159</v>
      </c>
      <c r="M152" s="89" t="s">
        <v>87</v>
      </c>
      <c r="N152" s="67" t="s">
        <v>160</v>
      </c>
      <c r="O152" s="89" t="s">
        <v>87</v>
      </c>
      <c r="P152" s="67" t="s">
        <v>161</v>
      </c>
      <c r="Q152" s="89" t="s">
        <v>87</v>
      </c>
      <c r="R152" s="67" t="s">
        <v>301</v>
      </c>
      <c r="S152" s="89" t="s">
        <v>87</v>
      </c>
      <c r="T152" s="41" t="s">
        <v>73</v>
      </c>
      <c r="U152" s="41" t="s">
        <v>159</v>
      </c>
      <c r="V152" s="90" t="s">
        <v>87</v>
      </c>
      <c r="W152" s="41" t="s">
        <v>160</v>
      </c>
      <c r="X152" s="90" t="s">
        <v>87</v>
      </c>
      <c r="Y152" s="41" t="s">
        <v>161</v>
      </c>
      <c r="Z152" s="90" t="s">
        <v>87</v>
      </c>
      <c r="AA152" s="41" t="s">
        <v>301</v>
      </c>
      <c r="AB152" s="90" t="s">
        <v>87</v>
      </c>
    </row>
    <row r="153" spans="1:28">
      <c r="A153" s="44" t="s">
        <v>349</v>
      </c>
      <c r="B153" s="161">
        <v>13916</v>
      </c>
      <c r="C153" s="164">
        <v>0.24721018413503079</v>
      </c>
      <c r="D153" s="93">
        <v>7.3134663503884997E-3</v>
      </c>
      <c r="E153" s="164">
        <v>0.22996751196457071</v>
      </c>
      <c r="F153" s="93">
        <v>7.1342696510420254E-3</v>
      </c>
      <c r="G153" s="164">
        <v>0.35734181830937645</v>
      </c>
      <c r="H153" s="93">
        <v>8.1236906583958182E-3</v>
      </c>
      <c r="I153" s="164">
        <v>0.16548048559104037</v>
      </c>
      <c r="J153" s="93">
        <v>6.3009075583273259E-3</v>
      </c>
      <c r="K153" s="123">
        <v>13906</v>
      </c>
      <c r="L153" s="122">
        <v>0.28691101869081054</v>
      </c>
      <c r="M153" s="93">
        <v>7.6707816144096089E-3</v>
      </c>
      <c r="N153" s="122">
        <v>0.20739565521860365</v>
      </c>
      <c r="O153" s="122">
        <v>6.8763743112210335E-3</v>
      </c>
      <c r="P153" s="122">
        <v>0.38105482308155841</v>
      </c>
      <c r="Q153" s="93">
        <v>8.2355715377953418E-3</v>
      </c>
      <c r="R153" s="122">
        <v>0.12463850300904504</v>
      </c>
      <c r="S153" s="93">
        <v>5.6033462323828937E-3</v>
      </c>
      <c r="T153" s="123">
        <v>13917</v>
      </c>
      <c r="U153" s="122">
        <v>0.21139065422020736</v>
      </c>
      <c r="V153" s="93">
        <v>6.9219899392000787E-3</v>
      </c>
      <c r="W153" s="122">
        <v>0.20220173619447673</v>
      </c>
      <c r="X153" s="93">
        <v>6.8092980540401995E-3</v>
      </c>
      <c r="Y153" s="122">
        <v>0.51742917611998085</v>
      </c>
      <c r="Z153" s="93">
        <v>8.4703414568206813E-3</v>
      </c>
      <c r="AA153" s="122">
        <v>6.8978433465351083E-2</v>
      </c>
      <c r="AB153" s="93">
        <v>4.2992426218196574E-3</v>
      </c>
    </row>
    <row r="154" spans="1:28">
      <c r="A154" s="48" t="s">
        <v>350</v>
      </c>
      <c r="B154" s="48">
        <v>10183</v>
      </c>
      <c r="C154" s="163">
        <v>0.27559647530717357</v>
      </c>
      <c r="D154" s="96">
        <v>8.8547631711577007E-3</v>
      </c>
      <c r="E154" s="163">
        <v>0.22433185166138178</v>
      </c>
      <c r="F154" s="96">
        <v>8.2673198233641793E-3</v>
      </c>
      <c r="G154" s="163">
        <v>0.33736109628042987</v>
      </c>
      <c r="H154" s="96">
        <v>9.3694258840044328E-3</v>
      </c>
      <c r="I154" s="163">
        <v>0.16271057675101472</v>
      </c>
      <c r="J154" s="96">
        <v>7.3163565765839728E-3</v>
      </c>
      <c r="K154" s="48">
        <v>10184</v>
      </c>
      <c r="L154" s="125">
        <v>0.29351436557063271</v>
      </c>
      <c r="M154" s="96">
        <v>9.0237473170164326E-3</v>
      </c>
      <c r="N154" s="125">
        <v>0.20480254938895326</v>
      </c>
      <c r="O154" s="125">
        <v>7.9980091389078491E-3</v>
      </c>
      <c r="P154" s="125">
        <v>0.39238496392138006</v>
      </c>
      <c r="Q154" s="96">
        <v>9.675295609665107E-3</v>
      </c>
      <c r="R154" s="125">
        <v>0.10929812111903336</v>
      </c>
      <c r="S154" s="96">
        <v>6.1862177962088306E-3</v>
      </c>
      <c r="T154" s="48">
        <v>10198</v>
      </c>
      <c r="U154" s="125">
        <v>0.19149971417243938</v>
      </c>
      <c r="V154" s="96">
        <v>7.7932052455123111E-3</v>
      </c>
      <c r="W154" s="125">
        <v>0.18567288530772813</v>
      </c>
      <c r="X154" s="96">
        <v>7.7014454935054938E-3</v>
      </c>
      <c r="Y154" s="125">
        <v>0.57126389116641652</v>
      </c>
      <c r="Z154" s="96">
        <v>9.7995082758462974E-3</v>
      </c>
      <c r="AA154" s="125">
        <v>5.1563509353409941E-2</v>
      </c>
      <c r="AB154" s="96">
        <v>4.385929178221234E-3</v>
      </c>
    </row>
    <row r="155" spans="1:28">
      <c r="A155" s="44" t="s">
        <v>351</v>
      </c>
      <c r="B155" s="52">
        <v>3733</v>
      </c>
      <c r="C155" s="164">
        <v>0.22436427846585125</v>
      </c>
      <c r="D155" s="93">
        <v>1.3654536010558547E-2</v>
      </c>
      <c r="E155" s="164">
        <v>0.23450321417692144</v>
      </c>
      <c r="F155" s="93">
        <v>1.3867459099300268E-2</v>
      </c>
      <c r="G155" s="164">
        <v>0.37342273877576271</v>
      </c>
      <c r="H155" s="93">
        <v>1.5826611940870993E-2</v>
      </c>
      <c r="I155" s="164">
        <v>0.16770976858146525</v>
      </c>
      <c r="J155" s="93">
        <v>1.2233542717730169E-2</v>
      </c>
      <c r="K155" s="52">
        <v>3722</v>
      </c>
      <c r="L155" s="122">
        <v>0.28157369485150868</v>
      </c>
      <c r="M155" s="93">
        <v>1.474027536895622E-2</v>
      </c>
      <c r="N155" s="122">
        <v>0.20949159926246991</v>
      </c>
      <c r="O155" s="122">
        <v>1.3340818127827088E-2</v>
      </c>
      <c r="P155" s="122">
        <v>0.37189694724866146</v>
      </c>
      <c r="Q155" s="93">
        <v>1.583682301739725E-2</v>
      </c>
      <c r="R155" s="122">
        <v>0.13703775863736017</v>
      </c>
      <c r="S155" s="93">
        <v>1.1280882632758426E-2</v>
      </c>
      <c r="T155" s="123">
        <v>3719</v>
      </c>
      <c r="U155" s="122">
        <v>0.22746135889376895</v>
      </c>
      <c r="V155" s="93">
        <v>1.3746572773353843E-2</v>
      </c>
      <c r="W155" s="122">
        <v>0.21555607141223795</v>
      </c>
      <c r="X155" s="93">
        <v>1.3485516721737577E-2</v>
      </c>
      <c r="Y155" s="122">
        <v>0.47393390618202474</v>
      </c>
      <c r="Z155" s="93">
        <v>1.6366800707834434E-2</v>
      </c>
      <c r="AA155" s="122">
        <v>8.3048663511969767E-2</v>
      </c>
      <c r="AB155" s="93">
        <v>9.0674464806340636E-3</v>
      </c>
    </row>
    <row r="156" spans="1:28">
      <c r="A156" s="48" t="s">
        <v>558</v>
      </c>
      <c r="B156" s="48">
        <v>336</v>
      </c>
      <c r="C156" s="163">
        <v>0.20517832652729573</v>
      </c>
      <c r="D156" s="96">
        <v>4.4073911536556112E-2</v>
      </c>
      <c r="E156" s="163">
        <v>0.28047988490371578</v>
      </c>
      <c r="F156" s="96">
        <v>4.8862124153453292E-2</v>
      </c>
      <c r="G156" s="163">
        <v>0.36869808448873154</v>
      </c>
      <c r="H156" s="96">
        <v>5.2374564145044267E-2</v>
      </c>
      <c r="I156" s="163">
        <v>0.14564370408025792</v>
      </c>
      <c r="J156" s="96">
        <v>3.8709899335409255E-2</v>
      </c>
      <c r="K156" s="48">
        <v>337</v>
      </c>
      <c r="L156" s="125">
        <v>0.2476748703404997</v>
      </c>
      <c r="M156" s="96">
        <v>4.6937525723032711E-2</v>
      </c>
      <c r="N156" s="125">
        <v>0.23226545843211774</v>
      </c>
      <c r="O156" s="125">
        <v>4.5949103055108742E-2</v>
      </c>
      <c r="P156" s="125">
        <v>0.37391348381780815</v>
      </c>
      <c r="Q156" s="96">
        <v>5.2444409565847908E-2</v>
      </c>
      <c r="R156" s="125">
        <v>0.14614618740957547</v>
      </c>
      <c r="S156" s="96">
        <v>3.8704503136666006E-2</v>
      </c>
      <c r="T156" s="48">
        <v>335</v>
      </c>
      <c r="U156" s="125">
        <v>0.21574308852584193</v>
      </c>
      <c r="V156" s="96">
        <v>4.4931096405092685E-2</v>
      </c>
      <c r="W156" s="125">
        <v>0.21960660112006572</v>
      </c>
      <c r="X156" s="96">
        <v>4.5209958687181355E-2</v>
      </c>
      <c r="Y156" s="125">
        <v>0.45836167150919033</v>
      </c>
      <c r="Z156" s="96">
        <v>5.4128321550508833E-2</v>
      </c>
      <c r="AA156" s="125">
        <v>0.10628863884490264</v>
      </c>
      <c r="AB156" s="96">
        <v>3.4113778695209714E-2</v>
      </c>
    </row>
    <row r="157" spans="1:28">
      <c r="A157" s="44" t="s">
        <v>559</v>
      </c>
      <c r="B157" s="52">
        <v>3620</v>
      </c>
      <c r="C157" s="164">
        <v>0.24114594705366643</v>
      </c>
      <c r="D157" s="93">
        <v>1.4217733403503734E-2</v>
      </c>
      <c r="E157" s="164">
        <v>0.22016861795784007</v>
      </c>
      <c r="F157" s="93">
        <v>1.3773120728785573E-2</v>
      </c>
      <c r="G157" s="164">
        <v>0.35837662832019362</v>
      </c>
      <c r="H157" s="93">
        <v>1.5932635246140078E-2</v>
      </c>
      <c r="I157" s="164">
        <v>0.18030880666831475</v>
      </c>
      <c r="J157" s="93">
        <v>1.2782050953883744E-2</v>
      </c>
      <c r="K157" s="52">
        <v>3607</v>
      </c>
      <c r="L157" s="122">
        <v>0.28540202719034713</v>
      </c>
      <c r="M157" s="93">
        <v>1.5034334570764366E-2</v>
      </c>
      <c r="N157" s="122">
        <v>0.20589461439878667</v>
      </c>
      <c r="O157" s="122">
        <v>1.3465796058224084E-2</v>
      </c>
      <c r="P157" s="122">
        <v>0.39045819779350693</v>
      </c>
      <c r="Q157" s="93">
        <v>1.6237886880015425E-2</v>
      </c>
      <c r="R157" s="122">
        <v>0.11824516061737528</v>
      </c>
      <c r="S157" s="93">
        <v>1.0763484670614644E-2</v>
      </c>
      <c r="T157" s="123">
        <v>3618</v>
      </c>
      <c r="U157" s="122">
        <v>0.21216756034234568</v>
      </c>
      <c r="V157" s="93">
        <v>1.359407465716073E-2</v>
      </c>
      <c r="W157" s="122">
        <v>0.19980998029630645</v>
      </c>
      <c r="X157" s="93">
        <v>1.3296303786668382E-2</v>
      </c>
      <c r="Y157" s="122">
        <v>0.52223288097160903</v>
      </c>
      <c r="Z157" s="93">
        <v>1.6599574554817215E-2</v>
      </c>
      <c r="AA157" s="122">
        <v>6.5789578389750566E-2</v>
      </c>
      <c r="AB157" s="93">
        <v>8.2665098319085577E-3</v>
      </c>
    </row>
    <row r="158" spans="1:28">
      <c r="A158" s="48" t="s">
        <v>560</v>
      </c>
      <c r="B158" s="48">
        <v>2966</v>
      </c>
      <c r="C158" s="163">
        <v>0.2718691356945025</v>
      </c>
      <c r="D158" s="96">
        <v>1.6333906375330772E-2</v>
      </c>
      <c r="E158" s="163">
        <v>0.21975555368218735</v>
      </c>
      <c r="F158" s="96">
        <v>1.5205636700342877E-2</v>
      </c>
      <c r="G158" s="163">
        <v>0.32998959566975666</v>
      </c>
      <c r="H158" s="96">
        <v>1.725913663812019E-2</v>
      </c>
      <c r="I158" s="163">
        <v>0.17838571495354913</v>
      </c>
      <c r="J158" s="96">
        <v>1.4062998173803085E-2</v>
      </c>
      <c r="K158" s="48">
        <v>2959</v>
      </c>
      <c r="L158" s="125">
        <v>0.27747514262951545</v>
      </c>
      <c r="M158" s="96">
        <v>1.645687120206853E-2</v>
      </c>
      <c r="N158" s="125">
        <v>0.20838764996302983</v>
      </c>
      <c r="O158" s="125">
        <v>1.4933384825256035E-2</v>
      </c>
      <c r="P158" s="125">
        <v>0.40589292047487663</v>
      </c>
      <c r="Q158" s="96">
        <v>1.8043624816792028E-2</v>
      </c>
      <c r="R158" s="125">
        <v>0.10824428693257394</v>
      </c>
      <c r="S158" s="96">
        <v>1.1439819040484123E-2</v>
      </c>
      <c r="T158" s="48">
        <v>2967</v>
      </c>
      <c r="U158" s="125">
        <v>0.17474171783583961</v>
      </c>
      <c r="V158" s="96">
        <v>1.3947621707650393E-2</v>
      </c>
      <c r="W158" s="125">
        <v>0.18807938503003188</v>
      </c>
      <c r="X158" s="96">
        <v>1.435086319220767E-2</v>
      </c>
      <c r="Y158" s="125">
        <v>0.58889198273806942</v>
      </c>
      <c r="Z158" s="96">
        <v>1.8054835438579529E-2</v>
      </c>
      <c r="AA158" s="125">
        <v>4.8286914396055904E-2</v>
      </c>
      <c r="AB158" s="96">
        <v>7.9127137234939002E-3</v>
      </c>
    </row>
    <row r="159" spans="1:28">
      <c r="A159" s="44" t="s">
        <v>368</v>
      </c>
      <c r="B159" s="52">
        <v>158</v>
      </c>
      <c r="C159" s="164">
        <v>0.21978325614259867</v>
      </c>
      <c r="D159" s="93">
        <v>6.5792097916638759E-2</v>
      </c>
      <c r="E159" s="164">
        <v>0.23336526323525747</v>
      </c>
      <c r="F159" s="93">
        <v>6.7104744476018233E-2</v>
      </c>
      <c r="G159" s="164">
        <v>0.32780833769845275</v>
      </c>
      <c r="H159" s="93">
        <v>7.4003028119365794E-2</v>
      </c>
      <c r="I159" s="164">
        <v>0.2190431429236904</v>
      </c>
      <c r="J159" s="93">
        <v>6.5717921530085419E-2</v>
      </c>
      <c r="K159" s="52">
        <v>158</v>
      </c>
      <c r="L159" s="122">
        <v>0.23348550205429969</v>
      </c>
      <c r="M159" s="93">
        <v>6.7115962157203987E-2</v>
      </c>
      <c r="N159" s="122">
        <v>0.22670806135402258</v>
      </c>
      <c r="O159" s="122">
        <v>6.6472736755807227E-2</v>
      </c>
      <c r="P159" s="122">
        <v>0.39017467133203176</v>
      </c>
      <c r="Q159" s="93">
        <v>7.6743388081317018E-2</v>
      </c>
      <c r="R159" s="122">
        <v>0.1496317652596455</v>
      </c>
      <c r="S159" s="93">
        <v>5.7355158987380098E-2</v>
      </c>
      <c r="T159" s="123">
        <v>158</v>
      </c>
      <c r="U159" s="122">
        <v>0.18482198549170895</v>
      </c>
      <c r="V159" s="93">
        <v>6.1965302267165054E-2</v>
      </c>
      <c r="W159" s="122">
        <v>0.20546007061156721</v>
      </c>
      <c r="X159" s="93">
        <v>6.4305880960736875E-2</v>
      </c>
      <c r="Y159" s="122">
        <v>0.53508016825885651</v>
      </c>
      <c r="Z159" s="93">
        <v>7.8383262700959896E-2</v>
      </c>
      <c r="AA159" s="122">
        <v>7.463777563786729E-2</v>
      </c>
      <c r="AB159" s="93">
        <v>4.385487681617635E-2</v>
      </c>
    </row>
    <row r="160" spans="1:28">
      <c r="A160" s="48" t="s">
        <v>150</v>
      </c>
      <c r="B160" s="48">
        <v>273</v>
      </c>
      <c r="C160" s="163">
        <v>0.25903255158187971</v>
      </c>
      <c r="D160" s="96">
        <v>5.2874015123886654E-2</v>
      </c>
      <c r="E160" s="163">
        <v>0.20038491390300961</v>
      </c>
      <c r="F160" s="96">
        <v>4.8486805414982563E-2</v>
      </c>
      <c r="G160" s="163">
        <v>0.40551041967336099</v>
      </c>
      <c r="H160" s="96">
        <v>5.9032844546352208E-2</v>
      </c>
      <c r="I160" s="163">
        <v>0.13507211484174839</v>
      </c>
      <c r="J160" s="96">
        <v>4.1739436182643606E-2</v>
      </c>
      <c r="K160" s="48">
        <v>273</v>
      </c>
      <c r="L160" s="125">
        <v>0.19804703841882088</v>
      </c>
      <c r="M160" s="96">
        <v>4.8282954600208636E-2</v>
      </c>
      <c r="N160" s="125">
        <v>0.29988339188549146</v>
      </c>
      <c r="O160" s="125">
        <v>5.5212301058387092E-2</v>
      </c>
      <c r="P160" s="125">
        <v>0.42602864166528515</v>
      </c>
      <c r="Q160" s="96">
        <v>5.9442066127234718E-2</v>
      </c>
      <c r="R160" s="125">
        <v>7.6040928030401592E-2</v>
      </c>
      <c r="S160" s="96">
        <v>3.2999794084262311E-2</v>
      </c>
      <c r="T160" s="48">
        <v>274</v>
      </c>
      <c r="U160" s="125">
        <v>9.3112805566686274E-2</v>
      </c>
      <c r="V160" s="96">
        <v>3.5819847314593284E-2</v>
      </c>
      <c r="W160" s="125">
        <v>0.16025652420454983</v>
      </c>
      <c r="X160" s="96">
        <v>4.4539542707616571E-2</v>
      </c>
      <c r="Y160" s="125">
        <v>0.71690865120672187</v>
      </c>
      <c r="Z160" s="96">
        <v>5.4217100884679806E-2</v>
      </c>
      <c r="AA160" s="125">
        <v>2.9722019022039262E-2</v>
      </c>
      <c r="AB160" s="96">
        <v>2.2491306110372741E-2</v>
      </c>
    </row>
    <row r="161" spans="1:28">
      <c r="A161" s="44" t="s">
        <v>352</v>
      </c>
      <c r="B161" s="52">
        <v>121</v>
      </c>
      <c r="C161" s="164">
        <v>0.29867554817141462</v>
      </c>
      <c r="D161" s="93">
        <v>8.2369116355690289E-2</v>
      </c>
      <c r="E161" s="164">
        <v>0.20817685059901656</v>
      </c>
      <c r="F161" s="93">
        <v>7.3800234774441975E-2</v>
      </c>
      <c r="G161" s="164">
        <v>0.39394761754339058</v>
      </c>
      <c r="H161" s="93">
        <v>8.7537181135816211E-2</v>
      </c>
      <c r="I161" s="164">
        <v>9.9199983686176996E-2</v>
      </c>
      <c r="J161" s="93">
        <v>5.6420096473799544E-2</v>
      </c>
      <c r="K161" s="52">
        <v>121</v>
      </c>
      <c r="L161" s="122">
        <v>0.23610788755671039</v>
      </c>
      <c r="M161" s="93">
        <v>7.6888811485616021E-2</v>
      </c>
      <c r="N161" s="122">
        <v>0.34893510597380095</v>
      </c>
      <c r="O161" s="122">
        <v>8.5532038074621008E-2</v>
      </c>
      <c r="P161" s="122">
        <v>0.36134009190442357</v>
      </c>
      <c r="Q161" s="93">
        <v>8.6159710745357956E-2</v>
      </c>
      <c r="R161" s="122">
        <v>5.3616914565063879E-2</v>
      </c>
      <c r="S161" s="93">
        <v>4.5003325730831399E-2</v>
      </c>
      <c r="T161" s="123">
        <v>122</v>
      </c>
      <c r="U161" s="122">
        <v>4.4069623654559562E-2</v>
      </c>
      <c r="V161" s="93">
        <v>4.1829681230662573E-2</v>
      </c>
      <c r="W161" s="122">
        <v>0.20445658159055075</v>
      </c>
      <c r="X161" s="93">
        <v>7.3053976979765775E-2</v>
      </c>
      <c r="Y161" s="122">
        <v>0.70952726148116796</v>
      </c>
      <c r="Z161" s="93">
        <v>8.1424127689778678E-2</v>
      </c>
      <c r="AA161" s="122">
        <v>4.1946533273721567E-2</v>
      </c>
      <c r="AB161" s="93">
        <v>4.1133552841706389E-2</v>
      </c>
    </row>
    <row r="162" spans="1:28">
      <c r="A162" s="48" t="s">
        <v>353</v>
      </c>
      <c r="B162" s="48">
        <v>117</v>
      </c>
      <c r="C162" s="163">
        <v>0.22665074620861173</v>
      </c>
      <c r="D162" s="96">
        <v>7.7168632144365132E-2</v>
      </c>
      <c r="E162" s="163">
        <v>0.21576099251768791</v>
      </c>
      <c r="F162" s="96">
        <v>7.5942889174317935E-2</v>
      </c>
      <c r="G162" s="163">
        <v>0.40244607217881451</v>
      </c>
      <c r="H162" s="96">
        <v>8.9276622557777144E-2</v>
      </c>
      <c r="I162" s="163">
        <v>0.15514218909488423</v>
      </c>
      <c r="J162" s="96">
        <v>6.7739427963956877E-2</v>
      </c>
      <c r="K162" s="48">
        <v>117</v>
      </c>
      <c r="L162" s="125">
        <v>0.147877978496566</v>
      </c>
      <c r="M162" s="96">
        <v>6.6574326486655469E-2</v>
      </c>
      <c r="N162" s="125">
        <v>0.22851396953349884</v>
      </c>
      <c r="O162" s="125">
        <v>7.7371663914750199E-2</v>
      </c>
      <c r="P162" s="125">
        <v>0.5480635067395847</v>
      </c>
      <c r="Q162" s="96">
        <v>9.0515531514406736E-2</v>
      </c>
      <c r="R162" s="125">
        <v>7.5544545230348856E-2</v>
      </c>
      <c r="S162" s="96">
        <v>5.1922462011208842E-2</v>
      </c>
      <c r="T162" s="48">
        <v>117</v>
      </c>
      <c r="U162" s="125">
        <v>0.12109752402145296</v>
      </c>
      <c r="V162" s="96">
        <v>6.1863101128786624E-2</v>
      </c>
      <c r="W162" s="125">
        <v>0.11193145598956619</v>
      </c>
      <c r="X162" s="96">
        <v>6.0081231134257923E-2</v>
      </c>
      <c r="Y162" s="125">
        <v>0.75089850466630526</v>
      </c>
      <c r="Z162" s="96">
        <v>7.9490762411549135E-2</v>
      </c>
      <c r="AA162" s="125">
        <v>1.6072515322674757E-2</v>
      </c>
      <c r="AB162" s="96">
        <v>3.203387960938843E-2</v>
      </c>
    </row>
    <row r="163" spans="1:28">
      <c r="A163" s="44" t="s">
        <v>369</v>
      </c>
      <c r="B163" s="161">
        <v>426</v>
      </c>
      <c r="C163" s="164">
        <v>0.24938303499909181</v>
      </c>
      <c r="D163" s="93">
        <v>4.1858481265212383E-2</v>
      </c>
      <c r="E163" s="164">
        <v>0.20639647223038118</v>
      </c>
      <c r="F163" s="93">
        <v>3.9224255237107868E-2</v>
      </c>
      <c r="G163" s="164">
        <v>0.38726777470781043</v>
      </c>
      <c r="H163" s="93">
        <v>4.7005866421956234E-2</v>
      </c>
      <c r="I163" s="164">
        <v>0.15695271806271693</v>
      </c>
      <c r="J163" s="93">
        <v>3.5371490437142154E-2</v>
      </c>
      <c r="K163" s="123">
        <v>423</v>
      </c>
      <c r="L163" s="122">
        <v>0.23069944027730854</v>
      </c>
      <c r="M163" s="93">
        <v>4.0929434359798539E-2</v>
      </c>
      <c r="N163" s="122">
        <v>0.1983615257831241</v>
      </c>
      <c r="O163" s="122">
        <v>3.8800625066622907E-2</v>
      </c>
      <c r="P163" s="122">
        <v>0.48523728540815048</v>
      </c>
      <c r="Q163" s="93">
        <v>4.8372687270586648E-2</v>
      </c>
      <c r="R163" s="122">
        <v>8.5701748531417279E-2</v>
      </c>
      <c r="S163" s="93">
        <v>2.7640667056660347E-2</v>
      </c>
      <c r="T163" s="123">
        <v>425</v>
      </c>
      <c r="U163" s="122">
        <v>0.17318748181306504</v>
      </c>
      <c r="V163" s="93">
        <v>3.6791610052565905E-2</v>
      </c>
      <c r="W163" s="122">
        <v>0.12918219023439967</v>
      </c>
      <c r="X163" s="93">
        <v>3.275200439960619E-2</v>
      </c>
      <c r="Y163" s="122">
        <v>0.66437976398714493</v>
      </c>
      <c r="Z163" s="93">
        <v>4.5647971610942147E-2</v>
      </c>
      <c r="AA163" s="122">
        <v>3.3250563965390306E-2</v>
      </c>
      <c r="AB163" s="93">
        <v>1.836907024409061E-2</v>
      </c>
    </row>
    <row r="164" spans="1:28">
      <c r="A164" s="48" t="s">
        <v>354</v>
      </c>
      <c r="B164" s="162">
        <v>71</v>
      </c>
      <c r="C164" s="163">
        <v>0.28889534290075147</v>
      </c>
      <c r="D164" s="96">
        <v>0.10584559304519112</v>
      </c>
      <c r="E164" s="163">
        <v>0.26404411734183914</v>
      </c>
      <c r="F164" s="96">
        <v>0.10330669993111563</v>
      </c>
      <c r="G164" s="163">
        <v>0.33623468042509541</v>
      </c>
      <c r="H164" s="96">
        <v>0.10977925403942403</v>
      </c>
      <c r="I164" s="163">
        <v>0.11082585933231469</v>
      </c>
      <c r="J164" s="96">
        <v>7.8065968635755947E-2</v>
      </c>
      <c r="K164" s="126">
        <v>69</v>
      </c>
      <c r="L164" s="125">
        <v>0.30202583961901946</v>
      </c>
      <c r="M164" s="96">
        <v>0.10853539600051382</v>
      </c>
      <c r="N164" s="125">
        <v>0.20442656605695639</v>
      </c>
      <c r="O164" s="125">
        <v>9.7066038873541594E-2</v>
      </c>
      <c r="P164" s="125">
        <v>0.41537339144671059</v>
      </c>
      <c r="Q164" s="96">
        <v>0.11553370484498383</v>
      </c>
      <c r="R164" s="125">
        <v>7.8174202877314095E-2</v>
      </c>
      <c r="S164" s="96">
        <v>7.0624881077082396E-2</v>
      </c>
      <c r="T164" s="48">
        <v>71</v>
      </c>
      <c r="U164" s="125">
        <v>0.19514728606404178</v>
      </c>
      <c r="V164" s="96">
        <v>9.4294166500313331E-2</v>
      </c>
      <c r="W164" s="125">
        <v>6.9321535552342675E-2</v>
      </c>
      <c r="X164" s="96">
        <v>6.6842467567155894E-2</v>
      </c>
      <c r="Y164" s="125">
        <v>0.68341967632513967</v>
      </c>
      <c r="Z164" s="96">
        <v>0.10828360054979197</v>
      </c>
      <c r="AA164" s="125">
        <v>5.211150205847595E-2</v>
      </c>
      <c r="AB164" s="96">
        <v>6.1198282130394376E-2</v>
      </c>
    </row>
    <row r="165" spans="1:28">
      <c r="A165" s="44" t="s">
        <v>355</v>
      </c>
      <c r="B165" s="82">
        <v>76</v>
      </c>
      <c r="C165" s="164">
        <v>0.25115375773580062</v>
      </c>
      <c r="D165" s="93">
        <v>9.85173035078524E-2</v>
      </c>
      <c r="E165" s="164">
        <v>0.18174922943073366</v>
      </c>
      <c r="F165" s="93">
        <v>8.9048187361237596E-2</v>
      </c>
      <c r="G165" s="164">
        <v>0.50863950187218376</v>
      </c>
      <c r="H165" s="93">
        <v>0.11178833492457498</v>
      </c>
      <c r="I165" s="164">
        <v>5.8457510961281989E-2</v>
      </c>
      <c r="J165" s="93">
        <v>6.0847681924654271E-2</v>
      </c>
      <c r="K165" s="82">
        <v>76</v>
      </c>
      <c r="L165" s="97">
        <v>0.19750048824047128</v>
      </c>
      <c r="M165" s="93">
        <v>9.1492042266031304E-2</v>
      </c>
      <c r="N165" s="97">
        <v>0.1813851275786707</v>
      </c>
      <c r="O165" s="97">
        <v>8.8989414587473809E-2</v>
      </c>
      <c r="P165" s="97">
        <v>0.55832094177209324</v>
      </c>
      <c r="Q165" s="93">
        <v>0.11111487246204073</v>
      </c>
      <c r="R165" s="122">
        <v>6.2793442408764846E-2</v>
      </c>
      <c r="S165" s="93">
        <v>6.2244481467957392E-2</v>
      </c>
      <c r="T165" s="123">
        <v>76</v>
      </c>
      <c r="U165" s="122">
        <v>0.18599859021460752</v>
      </c>
      <c r="V165" s="93">
        <v>8.9726336984783731E-2</v>
      </c>
      <c r="W165" s="122">
        <v>8.2073463044452261E-2</v>
      </c>
      <c r="X165" s="93">
        <v>6.7958447694815599E-2</v>
      </c>
      <c r="Y165" s="122">
        <v>0.73079661297590026</v>
      </c>
      <c r="Z165" s="93">
        <v>0.10048046163398246</v>
      </c>
      <c r="AA165" s="122">
        <v>1.1313337650399819E-3</v>
      </c>
      <c r="AB165" s="93">
        <v>3.5633462923689602E-2</v>
      </c>
    </row>
    <row r="166" spans="1:28">
      <c r="A166" s="48" t="s">
        <v>356</v>
      </c>
      <c r="B166" s="162">
        <v>67</v>
      </c>
      <c r="C166" s="163">
        <v>0.36864981830587212</v>
      </c>
      <c r="D166" s="96">
        <v>0.11497369080452859</v>
      </c>
      <c r="E166" s="163">
        <v>0.17105505520153333</v>
      </c>
      <c r="F166" s="96">
        <v>9.3037587958455473E-2</v>
      </c>
      <c r="G166" s="163">
        <v>0.29683046472699492</v>
      </c>
      <c r="H166" s="96">
        <v>0.10960676230611999</v>
      </c>
      <c r="I166" s="163">
        <v>0.16346466176559946</v>
      </c>
      <c r="J166" s="96">
        <v>9.1665570274067118E-2</v>
      </c>
      <c r="K166" s="126">
        <v>66</v>
      </c>
      <c r="L166" s="125">
        <v>0.31365802559990108</v>
      </c>
      <c r="M166" s="96">
        <v>0.11190089160989838</v>
      </c>
      <c r="N166" s="125">
        <v>0.1662090533698819</v>
      </c>
      <c r="O166" s="125">
        <v>9.287567656775475E-2</v>
      </c>
      <c r="P166" s="125">
        <v>0.38812671493490675</v>
      </c>
      <c r="Q166" s="96">
        <v>0.11683293533979026</v>
      </c>
      <c r="R166" s="125">
        <v>0.13200620609531002</v>
      </c>
      <c r="S166" s="96">
        <v>8.6061402764249034E-2</v>
      </c>
      <c r="T166" s="48">
        <v>66</v>
      </c>
      <c r="U166" s="125">
        <v>0.26227433115536253</v>
      </c>
      <c r="V166" s="96">
        <v>0.10684051064263736</v>
      </c>
      <c r="W166" s="125">
        <v>0.15911554255186489</v>
      </c>
      <c r="X166" s="96">
        <v>9.1557508492478484E-2</v>
      </c>
      <c r="Y166" s="125">
        <v>0.50212409129018232</v>
      </c>
      <c r="Z166" s="96">
        <v>0.1195219021492476</v>
      </c>
      <c r="AA166" s="125">
        <v>7.6486035002589978E-2</v>
      </c>
      <c r="AB166" s="96">
        <v>7.1932108730536556E-2</v>
      </c>
    </row>
    <row r="167" spans="1:28">
      <c r="A167" s="56" t="s">
        <v>357</v>
      </c>
      <c r="B167" s="161">
        <v>54</v>
      </c>
      <c r="C167" s="164">
        <v>0.22976976446797287</v>
      </c>
      <c r="D167" s="93">
        <v>0.11347204621328821</v>
      </c>
      <c r="E167" s="164">
        <v>0.2254973841294271</v>
      </c>
      <c r="F167" s="93">
        <v>0.11285732799748528</v>
      </c>
      <c r="G167" s="164">
        <v>0.43093519198858821</v>
      </c>
      <c r="H167" s="93">
        <v>0.13021607747747579</v>
      </c>
      <c r="I167" s="164">
        <v>0.11379765941401183</v>
      </c>
      <c r="J167" s="93">
        <v>9.1240898157343014E-2</v>
      </c>
      <c r="K167" s="123">
        <v>53</v>
      </c>
      <c r="L167" s="122">
        <v>0.14239792728262621</v>
      </c>
      <c r="M167" s="93">
        <v>9.8920123125488271E-2</v>
      </c>
      <c r="N167" s="122">
        <v>0.20848899525465758</v>
      </c>
      <c r="O167" s="122">
        <v>0.11130160672180717</v>
      </c>
      <c r="P167" s="122">
        <v>0.60530550188080068</v>
      </c>
      <c r="Q167" s="93">
        <v>0.12988862355331893</v>
      </c>
      <c r="R167" s="122">
        <v>4.3807575581915364E-2</v>
      </c>
      <c r="S167" s="93">
        <v>7.0123821825955904E-2</v>
      </c>
      <c r="T167" s="123">
        <v>53</v>
      </c>
      <c r="U167" s="122">
        <v>3.0823287375414118E-2</v>
      </c>
      <c r="V167" s="93">
        <v>6.4717559327791455E-2</v>
      </c>
      <c r="W167" s="122">
        <v>0.11390711630207054</v>
      </c>
      <c r="X167" s="93">
        <v>9.2193530995777651E-2</v>
      </c>
      <c r="Y167" s="122">
        <v>0.83073872457236975</v>
      </c>
      <c r="Z167" s="93">
        <v>0.10443697691879208</v>
      </c>
      <c r="AA167" s="122">
        <v>2.453087175014549E-2</v>
      </c>
      <c r="AB167" s="93">
        <v>6.1868592560923752E-2</v>
      </c>
    </row>
    <row r="168" spans="1:28">
      <c r="A168" s="48" t="s">
        <v>358</v>
      </c>
      <c r="B168" s="162">
        <v>98</v>
      </c>
      <c r="C168" s="163">
        <v>0.32451564794940296</v>
      </c>
      <c r="D168" s="96">
        <v>9.321557535686871E-2</v>
      </c>
      <c r="E168" s="163">
        <v>0.25482741399399234</v>
      </c>
      <c r="F168" s="96">
        <v>8.7338072131453365E-2</v>
      </c>
      <c r="G168" s="163">
        <v>0.33032282186429435</v>
      </c>
      <c r="H168" s="96">
        <v>9.3603972948236219E-2</v>
      </c>
      <c r="I168" s="163">
        <v>9.0334116192310243E-2</v>
      </c>
      <c r="J168" s="96">
        <v>6.1062039515386093E-2</v>
      </c>
      <c r="K168" s="126">
        <v>97</v>
      </c>
      <c r="L168" s="125">
        <v>0.38568979576118423</v>
      </c>
      <c r="M168" s="96">
        <v>9.7075591267644881E-2</v>
      </c>
      <c r="N168" s="125">
        <v>0.2168169806259701</v>
      </c>
      <c r="O168" s="125">
        <v>8.349624724090457E-2</v>
      </c>
      <c r="P168" s="125">
        <v>0.3250156687262824</v>
      </c>
      <c r="Q168" s="96">
        <v>9.3714917632136255E-2</v>
      </c>
      <c r="R168" s="125">
        <v>7.2477554886563184E-2</v>
      </c>
      <c r="S168" s="96">
        <v>5.6783466815367369E-2</v>
      </c>
      <c r="T168" s="48">
        <v>98</v>
      </c>
      <c r="U168" s="125">
        <v>0.27536708430194012</v>
      </c>
      <c r="V168" s="96">
        <v>8.9315500538987055E-2</v>
      </c>
      <c r="W168" s="125">
        <v>0.19963380987669077</v>
      </c>
      <c r="X168" s="96">
        <v>8.0857529498050987E-2</v>
      </c>
      <c r="Y168" s="125">
        <v>0.50097402720474382</v>
      </c>
      <c r="Z168" s="96">
        <v>9.9014580867648333E-2</v>
      </c>
      <c r="AA168" s="125">
        <v>2.4025078616625083E-2</v>
      </c>
      <c r="AB168" s="96">
        <v>4.0033447126107964E-2</v>
      </c>
    </row>
    <row r="169" spans="1:28">
      <c r="A169" s="56" t="s">
        <v>359</v>
      </c>
      <c r="B169" s="161">
        <v>114</v>
      </c>
      <c r="C169" s="164">
        <v>0.16996577887527628</v>
      </c>
      <c r="D169" s="93">
        <v>7.0910980874685198E-2</v>
      </c>
      <c r="E169" s="164">
        <v>0.21109399613791346</v>
      </c>
      <c r="F169" s="93">
        <v>7.6379109683750196E-2</v>
      </c>
      <c r="G169" s="164">
        <v>0.35804183679396862</v>
      </c>
      <c r="H169" s="93">
        <v>8.8526730355151004E-2</v>
      </c>
      <c r="I169" s="164">
        <v>0.26089838819284067</v>
      </c>
      <c r="J169" s="93">
        <v>8.1644253065155339E-2</v>
      </c>
      <c r="K169" s="123">
        <v>115</v>
      </c>
      <c r="L169" s="122">
        <v>0.20713165105721426</v>
      </c>
      <c r="M169" s="93">
        <v>7.5570078954262876E-2</v>
      </c>
      <c r="N169" s="122">
        <v>0.22911197422020613</v>
      </c>
      <c r="O169" s="122">
        <v>7.8101399002044908E-2</v>
      </c>
      <c r="P169" s="122">
        <v>0.46978960922042712</v>
      </c>
      <c r="Q169" s="93">
        <v>9.151344795538667E-2</v>
      </c>
      <c r="R169" s="122">
        <v>9.396676550215162E-2</v>
      </c>
      <c r="S169" s="93">
        <v>5.6815776548483694E-2</v>
      </c>
      <c r="T169" s="123">
        <v>115</v>
      </c>
      <c r="U169" s="122">
        <v>0.17681712682062511</v>
      </c>
      <c r="V169" s="93">
        <v>7.15862241740262E-2</v>
      </c>
      <c r="W169" s="122">
        <v>0.17519305747186548</v>
      </c>
      <c r="X169" s="93">
        <v>7.1355108334048942E-2</v>
      </c>
      <c r="Y169" s="122">
        <v>0.63759024736436265</v>
      </c>
      <c r="Z169" s="93">
        <v>8.8369014624327558E-2</v>
      </c>
      <c r="AA169" s="122">
        <v>1.0399568343146606E-2</v>
      </c>
      <c r="AB169" s="93">
        <v>2.9639538658627444E-2</v>
      </c>
    </row>
    <row r="170" spans="1:28">
      <c r="A170" s="48" t="s">
        <v>371</v>
      </c>
      <c r="B170" s="162">
        <v>182</v>
      </c>
      <c r="C170" s="163">
        <v>0.30204322704699887</v>
      </c>
      <c r="D170" s="96">
        <v>6.7597870141893598E-2</v>
      </c>
      <c r="E170" s="163">
        <v>0.2405577393643849</v>
      </c>
      <c r="F170" s="96">
        <v>6.3169621415363392E-2</v>
      </c>
      <c r="G170" s="163">
        <v>0.31934636376751752</v>
      </c>
      <c r="H170" s="96">
        <v>6.8588355681727789E-2</v>
      </c>
      <c r="I170" s="163">
        <v>0.13805266982109965</v>
      </c>
      <c r="J170" s="96">
        <v>5.1757956843105385E-2</v>
      </c>
      <c r="K170" s="126">
        <v>181</v>
      </c>
      <c r="L170" s="125">
        <v>0.1868975919107462</v>
      </c>
      <c r="M170" s="96">
        <v>5.8107137221496435E-2</v>
      </c>
      <c r="N170" s="125">
        <v>0.23379364745148318</v>
      </c>
      <c r="O170" s="125">
        <v>6.2759173588259803E-2</v>
      </c>
      <c r="P170" s="125">
        <v>0.54061423389042906</v>
      </c>
      <c r="Q170" s="96">
        <v>7.3288920041190683E-2</v>
      </c>
      <c r="R170" s="125">
        <v>3.8694526747342466E-2</v>
      </c>
      <c r="S170" s="96">
        <v>3.1639884807191314E-2</v>
      </c>
      <c r="T170" s="48">
        <v>181</v>
      </c>
      <c r="U170" s="125">
        <v>0.10762606048922121</v>
      </c>
      <c r="V170" s="96">
        <v>4.710616663162269E-2</v>
      </c>
      <c r="W170" s="125">
        <v>0.10793490376893157</v>
      </c>
      <c r="X170" s="96">
        <v>4.7159358643493153E-2</v>
      </c>
      <c r="Y170" s="125">
        <v>0.77151315837075285</v>
      </c>
      <c r="Z170" s="96">
        <v>6.2286870275850635E-2</v>
      </c>
      <c r="AA170" s="125">
        <v>1.2925877371094718E-2</v>
      </c>
      <c r="AB170" s="96">
        <v>2.2255017806692229E-2</v>
      </c>
    </row>
    <row r="171" spans="1:28">
      <c r="A171" s="56" t="s">
        <v>360</v>
      </c>
      <c r="B171" s="161">
        <v>103</v>
      </c>
      <c r="C171" s="164">
        <v>0.2659062623020913</v>
      </c>
      <c r="D171" s="93">
        <v>8.6298921095640579E-2</v>
      </c>
      <c r="E171" s="164">
        <v>0.20086432527088605</v>
      </c>
      <c r="F171" s="93">
        <v>7.9032242555244131E-2</v>
      </c>
      <c r="G171" s="164">
        <v>0.3816195312843304</v>
      </c>
      <c r="H171" s="93">
        <v>9.4129410024346397E-2</v>
      </c>
      <c r="I171" s="164">
        <v>0.15160988114269233</v>
      </c>
      <c r="J171" s="93">
        <v>7.170279238416459E-2</v>
      </c>
      <c r="K171" s="123">
        <v>103</v>
      </c>
      <c r="L171" s="122">
        <v>0.16267718748350915</v>
      </c>
      <c r="M171" s="93">
        <v>7.3513103508088234E-2</v>
      </c>
      <c r="N171" s="122">
        <v>0.2344696605810902</v>
      </c>
      <c r="O171" s="122">
        <v>8.3086850114542227E-2</v>
      </c>
      <c r="P171" s="122">
        <v>0.56501985372224273</v>
      </c>
      <c r="Q171" s="93">
        <v>9.5913237938974466E-2</v>
      </c>
      <c r="R171" s="122">
        <v>3.7833298213158256E-2</v>
      </c>
      <c r="S171" s="93">
        <v>4.4121067288551516E-2</v>
      </c>
      <c r="T171" s="123">
        <v>103</v>
      </c>
      <c r="U171" s="122">
        <v>5.3053684764327702E-2</v>
      </c>
      <c r="V171" s="93">
        <v>4.925433798053535E-2</v>
      </c>
      <c r="W171" s="122">
        <v>8.8171988517177016E-2</v>
      </c>
      <c r="X171" s="93">
        <v>5.8912644348346171E-2</v>
      </c>
      <c r="Y171" s="122">
        <v>0.8587743267184953</v>
      </c>
      <c r="Z171" s="93">
        <v>6.9906465997080197E-2</v>
      </c>
      <c r="AA171" s="122">
        <v>0</v>
      </c>
      <c r="AB171" s="93">
        <v>2.6185687246820841E-2</v>
      </c>
    </row>
    <row r="172" spans="1:28">
      <c r="A172" s="48" t="s">
        <v>370</v>
      </c>
      <c r="B172" s="162">
        <v>293</v>
      </c>
      <c r="C172" s="163">
        <v>0.27358624595648917</v>
      </c>
      <c r="D172" s="96">
        <v>5.1913984816189807E-2</v>
      </c>
      <c r="E172" s="163">
        <v>0.21412919601324576</v>
      </c>
      <c r="F172" s="96">
        <v>4.7914672924712756E-2</v>
      </c>
      <c r="G172" s="163">
        <v>0.3682044848123287</v>
      </c>
      <c r="H172" s="96">
        <v>5.6029654463436294E-2</v>
      </c>
      <c r="I172" s="163">
        <v>0.14408007321793567</v>
      </c>
      <c r="J172" s="96">
        <v>4.1310234104266846E-2</v>
      </c>
      <c r="K172" s="126">
        <v>292</v>
      </c>
      <c r="L172" s="125">
        <v>0.28984547717516601</v>
      </c>
      <c r="M172" s="96">
        <v>5.2892120950147448E-2</v>
      </c>
      <c r="N172" s="125">
        <v>0.19517501122693015</v>
      </c>
      <c r="O172" s="125">
        <v>4.643741249182981E-2</v>
      </c>
      <c r="P172" s="125">
        <v>0.46665082343146447</v>
      </c>
      <c r="Q172" s="96">
        <v>5.7997866678712831E-2</v>
      </c>
      <c r="R172" s="125">
        <v>4.8328688166438802E-2</v>
      </c>
      <c r="S172" s="96">
        <v>2.6372967661296411E-2</v>
      </c>
      <c r="T172" s="48">
        <v>293</v>
      </c>
      <c r="U172" s="125">
        <v>0.17977897045459945</v>
      </c>
      <c r="V172" s="96">
        <v>4.4976904408604843E-2</v>
      </c>
      <c r="W172" s="125">
        <v>0.17280307495626837</v>
      </c>
      <c r="X172" s="96">
        <v>4.4313919320939768E-2</v>
      </c>
      <c r="Y172" s="125">
        <v>0.6233041941682661</v>
      </c>
      <c r="Z172" s="96">
        <v>5.6282458793812398E-2</v>
      </c>
      <c r="AA172" s="125">
        <v>2.4113760420865729E-2</v>
      </c>
      <c r="AB172" s="96">
        <v>1.996338365638586E-2</v>
      </c>
    </row>
    <row r="173" spans="1:28">
      <c r="A173" s="56" t="s">
        <v>361</v>
      </c>
      <c r="B173" s="161">
        <v>127</v>
      </c>
      <c r="C173" s="164">
        <v>0.30132331040836302</v>
      </c>
      <c r="D173" s="93">
        <v>8.0627557829768659E-2</v>
      </c>
      <c r="E173" s="164">
        <v>0.22204885614747716</v>
      </c>
      <c r="F173" s="93">
        <v>7.3596611758785777E-2</v>
      </c>
      <c r="G173" s="164">
        <v>0.35279642155222296</v>
      </c>
      <c r="H173" s="93">
        <v>8.3736080265961049E-2</v>
      </c>
      <c r="I173" s="164">
        <v>0.1238314118919364</v>
      </c>
      <c r="J173" s="93">
        <v>5.9772253879832898E-2</v>
      </c>
      <c r="K173" s="123">
        <v>127</v>
      </c>
      <c r="L173" s="122">
        <v>0.2886619853630617</v>
      </c>
      <c r="M173" s="93">
        <v>7.9698316495958113E-2</v>
      </c>
      <c r="N173" s="122">
        <v>0.22041356862471637</v>
      </c>
      <c r="O173" s="122">
        <v>7.3418636583450006E-2</v>
      </c>
      <c r="P173" s="122">
        <v>0.43097464881351671</v>
      </c>
      <c r="Q173" s="93">
        <v>8.6584384203998985E-2</v>
      </c>
      <c r="R173" s="122">
        <v>5.994979719870476E-2</v>
      </c>
      <c r="S173" s="93">
        <v>4.5567121654394249E-2</v>
      </c>
      <c r="T173" s="123">
        <v>127</v>
      </c>
      <c r="U173" s="122">
        <v>0.20280423226634492</v>
      </c>
      <c r="V173" s="93">
        <v>7.1405997302661811E-2</v>
      </c>
      <c r="W173" s="122">
        <v>0.17071040542493543</v>
      </c>
      <c r="X173" s="93">
        <v>6.7244352502964802E-2</v>
      </c>
      <c r="Y173" s="122">
        <v>0.58366155167629385</v>
      </c>
      <c r="Z173" s="93">
        <v>8.6213237231811291E-2</v>
      </c>
      <c r="AA173" s="122">
        <v>4.2823810632425137E-2</v>
      </c>
      <c r="AB173" s="93">
        <v>4.0439960463480057E-2</v>
      </c>
    </row>
    <row r="174" spans="1:28">
      <c r="A174" s="48" t="s">
        <v>375</v>
      </c>
      <c r="B174" s="162">
        <v>112</v>
      </c>
      <c r="C174" s="163">
        <v>0.21967784726990888</v>
      </c>
      <c r="D174" s="96">
        <v>7.8068360664327513E-2</v>
      </c>
      <c r="E174" s="163">
        <v>0.18230106282305666</v>
      </c>
      <c r="F174" s="96">
        <v>7.332220821194059E-2</v>
      </c>
      <c r="G174" s="163">
        <v>0.41246220664661321</v>
      </c>
      <c r="H174" s="96">
        <v>9.1511539990186838E-2</v>
      </c>
      <c r="I174" s="163">
        <v>0.18555888326042097</v>
      </c>
      <c r="J174" s="96">
        <v>7.3772263811796787E-2</v>
      </c>
      <c r="K174" s="126">
        <v>112</v>
      </c>
      <c r="L174" s="125">
        <v>0.24249737432765514</v>
      </c>
      <c r="M174" s="96">
        <v>8.0555504980335174E-2</v>
      </c>
      <c r="N174" s="125">
        <v>0.15302298672605177</v>
      </c>
      <c r="O174" s="125">
        <v>6.8924437994914808E-2</v>
      </c>
      <c r="P174" s="125">
        <v>0.57290725389829056</v>
      </c>
      <c r="Q174" s="96">
        <v>9.1922905459040263E-2</v>
      </c>
      <c r="R174" s="125">
        <v>3.1572385048002215E-2</v>
      </c>
      <c r="S174" s="96">
        <v>3.9587258459385093E-2</v>
      </c>
      <c r="T174" s="48">
        <v>112</v>
      </c>
      <c r="U174" s="125">
        <v>0.11088984065355677</v>
      </c>
      <c r="V174" s="96">
        <v>6.126682587086222E-2</v>
      </c>
      <c r="W174" s="125">
        <v>0.15171839449393842</v>
      </c>
      <c r="X174" s="96">
        <v>6.871259801480066E-2</v>
      </c>
      <c r="Y174" s="125">
        <v>0.72295468730320467</v>
      </c>
      <c r="Z174" s="96">
        <v>8.3801961386218635E-2</v>
      </c>
      <c r="AA174" s="125">
        <v>1.4437077549300166E-2</v>
      </c>
      <c r="AB174" s="96">
        <v>3.2274894227342268E-2</v>
      </c>
    </row>
    <row r="175" spans="1:28">
      <c r="A175" s="56" t="s">
        <v>358</v>
      </c>
      <c r="B175" s="161">
        <v>98</v>
      </c>
      <c r="C175" s="164">
        <v>0.32451564794940296</v>
      </c>
      <c r="D175" s="93">
        <v>9.321557535686871E-2</v>
      </c>
      <c r="E175" s="164">
        <v>0.25482741399399234</v>
      </c>
      <c r="F175" s="93">
        <v>8.7338072131453365E-2</v>
      </c>
      <c r="G175" s="164">
        <v>0.33032282186429435</v>
      </c>
      <c r="H175" s="93">
        <v>9.3603972948236219E-2</v>
      </c>
      <c r="I175" s="164">
        <v>9.0334116192310243E-2</v>
      </c>
      <c r="J175" s="93">
        <v>6.1062039515386093E-2</v>
      </c>
      <c r="K175" s="123">
        <v>97</v>
      </c>
      <c r="L175" s="122">
        <v>0.38568979576118423</v>
      </c>
      <c r="M175" s="93">
        <v>9.7075591267644881E-2</v>
      </c>
      <c r="N175" s="122">
        <v>0.2168169806259701</v>
      </c>
      <c r="O175" s="122">
        <v>8.349624724090457E-2</v>
      </c>
      <c r="P175" s="122">
        <v>0.3250156687262824</v>
      </c>
      <c r="Q175" s="93">
        <v>9.3714917632136255E-2</v>
      </c>
      <c r="R175" s="122">
        <v>7.2477554886563184E-2</v>
      </c>
      <c r="S175" s="93">
        <v>5.6783466815367369E-2</v>
      </c>
      <c r="T175" s="123">
        <v>98</v>
      </c>
      <c r="U175" s="122">
        <v>0.27536708430194012</v>
      </c>
      <c r="V175" s="93">
        <v>8.9315500538987055E-2</v>
      </c>
      <c r="W175" s="122">
        <v>0.19963380987669077</v>
      </c>
      <c r="X175" s="93">
        <v>8.0857529498050987E-2</v>
      </c>
      <c r="Y175" s="122">
        <v>0.50097402720474382</v>
      </c>
      <c r="Z175" s="93">
        <v>9.9014580867648333E-2</v>
      </c>
      <c r="AA175" s="122">
        <v>2.4025078616625083E-2</v>
      </c>
      <c r="AB175" s="93">
        <v>4.0033447126107964E-2</v>
      </c>
    </row>
  </sheetData>
  <mergeCells count="24">
    <mergeCell ref="T150:AB150"/>
    <mergeCell ref="K150:S150"/>
    <mergeCell ref="B150:J150"/>
    <mergeCell ref="A91:V91"/>
    <mergeCell ref="A5:D5"/>
    <mergeCell ref="A34:D34"/>
    <mergeCell ref="A61:D61"/>
    <mergeCell ref="A62:D62"/>
    <mergeCell ref="E34:I34"/>
    <mergeCell ref="A33:I33"/>
    <mergeCell ref="A63:D63"/>
    <mergeCell ref="A90:V90"/>
    <mergeCell ref="A121:D121"/>
    <mergeCell ref="A149:AB149"/>
    <mergeCell ref="A148:AB148"/>
    <mergeCell ref="P92:V92"/>
    <mergeCell ref="A119:D119"/>
    <mergeCell ref="A120:D120"/>
    <mergeCell ref="A3:O3"/>
    <mergeCell ref="A4:O4"/>
    <mergeCell ref="E5:O5"/>
    <mergeCell ref="A32:I32"/>
    <mergeCell ref="B92:H92"/>
    <mergeCell ref="I92:O92"/>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S147"/>
  <sheetViews>
    <sheetView zoomScaleNormal="100" workbookViewId="0"/>
  </sheetViews>
  <sheetFormatPr defaultColWidth="19.140625" defaultRowHeight="15"/>
  <cols>
    <col min="1" max="1" width="56.5703125" customWidth="1"/>
  </cols>
  <sheetData>
    <row r="1" spans="1:4" ht="31.5">
      <c r="A1" s="32" t="s">
        <v>39</v>
      </c>
    </row>
    <row r="3" spans="1:4" ht="18.75">
      <c r="A3" s="340" t="s">
        <v>11</v>
      </c>
      <c r="B3" s="340"/>
      <c r="C3" s="340"/>
      <c r="D3" s="340"/>
    </row>
    <row r="4" spans="1:4" ht="133.5" customHeight="1">
      <c r="A4" s="394" t="s">
        <v>487</v>
      </c>
      <c r="B4" s="394"/>
      <c r="C4" s="394"/>
      <c r="D4" s="394"/>
    </row>
    <row r="5" spans="1:4" ht="38.25" customHeight="1">
      <c r="A5" s="346" t="s">
        <v>121</v>
      </c>
      <c r="B5" s="346"/>
      <c r="C5" s="346"/>
      <c r="D5" s="346"/>
    </row>
    <row r="6" spans="1:4" ht="72">
      <c r="A6" s="36" t="s">
        <v>70</v>
      </c>
      <c r="B6" s="37" t="s">
        <v>71</v>
      </c>
      <c r="C6" s="38" t="s">
        <v>594</v>
      </c>
      <c r="D6" s="39" t="s">
        <v>72</v>
      </c>
    </row>
    <row r="7" spans="1:4" ht="72">
      <c r="A7" s="40"/>
      <c r="B7" s="41" t="s">
        <v>73</v>
      </c>
      <c r="C7" s="127" t="s">
        <v>122</v>
      </c>
      <c r="D7" s="43" t="s">
        <v>75</v>
      </c>
    </row>
    <row r="8" spans="1:4">
      <c r="A8" s="44" t="s">
        <v>349</v>
      </c>
      <c r="B8" s="165">
        <v>13038</v>
      </c>
      <c r="C8" s="166">
        <v>4.3063938454541928</v>
      </c>
      <c r="D8" s="85">
        <v>2.3278647383610147E-2</v>
      </c>
    </row>
    <row r="9" spans="1:4">
      <c r="A9" s="48" t="s">
        <v>350</v>
      </c>
      <c r="B9" s="48">
        <v>9671</v>
      </c>
      <c r="C9" s="168">
        <v>4.2588562671727557</v>
      </c>
      <c r="D9" s="86">
        <v>2.7110082737648852E-2</v>
      </c>
    </row>
    <row r="10" spans="1:4">
      <c r="A10" s="44" t="s">
        <v>351</v>
      </c>
      <c r="B10" s="52">
        <v>3367</v>
      </c>
      <c r="C10" s="166">
        <v>4.3459776287948415</v>
      </c>
      <c r="D10" s="85">
        <v>4.5414474455323685E-2</v>
      </c>
    </row>
    <row r="11" spans="1:4">
      <c r="A11" s="48" t="s">
        <v>558</v>
      </c>
      <c r="B11" s="48">
        <v>302</v>
      </c>
      <c r="C11" s="168">
        <v>4.1851756318864197</v>
      </c>
      <c r="D11" s="86">
        <v>0.14478429823202027</v>
      </c>
    </row>
    <row r="12" spans="1:4">
      <c r="A12" s="44" t="s">
        <v>559</v>
      </c>
      <c r="B12" s="52">
        <v>3427</v>
      </c>
      <c r="C12" s="166">
        <v>4.2953092078004653</v>
      </c>
      <c r="D12" s="85">
        <v>4.60801932703803E-2</v>
      </c>
    </row>
    <row r="13" spans="1:4">
      <c r="A13" s="48" t="s">
        <v>560</v>
      </c>
      <c r="B13" s="48">
        <v>2834</v>
      </c>
      <c r="C13" s="168">
        <v>4.2503864244785587</v>
      </c>
      <c r="D13" s="86">
        <v>5.0595141824126326E-2</v>
      </c>
    </row>
    <row r="14" spans="1:4">
      <c r="A14" s="44" t="s">
        <v>368</v>
      </c>
      <c r="B14" s="52">
        <v>150</v>
      </c>
      <c r="C14" s="166">
        <v>4.2703215479490657</v>
      </c>
      <c r="D14" s="85">
        <v>0.21827532160801355</v>
      </c>
    </row>
    <row r="15" spans="1:4">
      <c r="A15" s="48" t="s">
        <v>150</v>
      </c>
      <c r="B15" s="48">
        <v>264</v>
      </c>
      <c r="C15" s="168">
        <v>4.4468831314252713</v>
      </c>
      <c r="D15" s="86">
        <v>0.17078348476988442</v>
      </c>
    </row>
    <row r="16" spans="1:4">
      <c r="A16" s="44" t="s">
        <v>352</v>
      </c>
      <c r="B16" s="52">
        <v>118</v>
      </c>
      <c r="C16" s="166">
        <v>4.2115940027787691</v>
      </c>
      <c r="D16" s="85">
        <v>0.25848585469745894</v>
      </c>
    </row>
    <row r="17" spans="1:37">
      <c r="A17" s="48" t="s">
        <v>353</v>
      </c>
      <c r="B17" s="48">
        <v>112</v>
      </c>
      <c r="C17" s="168">
        <v>4.6257999185087968</v>
      </c>
      <c r="D17" s="86">
        <v>0.26639125054684332</v>
      </c>
    </row>
    <row r="18" spans="1:37">
      <c r="A18" s="44" t="s">
        <v>369</v>
      </c>
      <c r="B18" s="165">
        <v>407</v>
      </c>
      <c r="C18" s="166">
        <v>4.5331661377704684</v>
      </c>
      <c r="D18" s="85">
        <v>0.13422468009886587</v>
      </c>
    </row>
    <row r="19" spans="1:37">
      <c r="A19" s="48" t="s">
        <v>354</v>
      </c>
      <c r="B19" s="167">
        <v>69</v>
      </c>
      <c r="C19" s="168">
        <v>4.6226206706543316</v>
      </c>
      <c r="D19" s="86">
        <v>0.35473486782097668</v>
      </c>
    </row>
    <row r="20" spans="1:37">
      <c r="A20" s="44" t="s">
        <v>355</v>
      </c>
      <c r="B20" s="82">
        <v>73</v>
      </c>
      <c r="C20" s="166">
        <v>4.5085392612644668</v>
      </c>
      <c r="D20" s="85">
        <v>0.32654617277971087</v>
      </c>
    </row>
    <row r="21" spans="1:37">
      <c r="A21" s="48" t="s">
        <v>356</v>
      </c>
      <c r="B21" s="167">
        <v>65</v>
      </c>
      <c r="C21" s="168">
        <v>4.208705648696907</v>
      </c>
      <c r="D21" s="86">
        <v>0.30964586987796283</v>
      </c>
    </row>
    <row r="22" spans="1:37">
      <c r="A22" s="56" t="s">
        <v>357</v>
      </c>
      <c r="B22" s="165">
        <v>54</v>
      </c>
      <c r="C22" s="166">
        <v>5.3208751261520595</v>
      </c>
      <c r="D22" s="85">
        <v>0.31188876037877206</v>
      </c>
    </row>
    <row r="23" spans="1:37">
      <c r="A23" s="48" t="s">
        <v>358</v>
      </c>
      <c r="B23" s="167">
        <v>93</v>
      </c>
      <c r="C23" s="168">
        <v>3.8774684851211521</v>
      </c>
      <c r="D23" s="86">
        <v>0.2814381399188926</v>
      </c>
    </row>
    <row r="24" spans="1:37">
      <c r="A24" s="56" t="s">
        <v>359</v>
      </c>
      <c r="B24" s="165">
        <v>107</v>
      </c>
      <c r="C24" s="166">
        <v>4.3590562633532128</v>
      </c>
      <c r="D24" s="85">
        <v>0.24856012348177403</v>
      </c>
    </row>
    <row r="25" spans="1:37">
      <c r="A25" s="48" t="s">
        <v>371</v>
      </c>
      <c r="B25" s="167">
        <v>176</v>
      </c>
      <c r="C25" s="168">
        <v>4.3065527293985513</v>
      </c>
      <c r="D25" s="86">
        <v>0.16904277313918772</v>
      </c>
    </row>
    <row r="26" spans="1:37">
      <c r="A26" s="56" t="s">
        <v>360</v>
      </c>
      <c r="B26" s="165">
        <v>100</v>
      </c>
      <c r="C26" s="166">
        <v>4.3871689811552077</v>
      </c>
      <c r="D26" s="85">
        <v>0.21906941606456445</v>
      </c>
    </row>
    <row r="27" spans="1:37">
      <c r="A27" s="48" t="s">
        <v>370</v>
      </c>
      <c r="B27" s="167">
        <v>283</v>
      </c>
      <c r="C27" s="168">
        <v>4.1870722558594702</v>
      </c>
      <c r="D27" s="86">
        <v>0.15449331166185648</v>
      </c>
    </row>
    <row r="28" spans="1:37">
      <c r="A28" s="56" t="s">
        <v>361</v>
      </c>
      <c r="B28" s="165">
        <v>120</v>
      </c>
      <c r="C28" s="166">
        <v>4.1480892024826348</v>
      </c>
      <c r="D28" s="85">
        <v>0.22468091486569211</v>
      </c>
    </row>
    <row r="29" spans="1:37">
      <c r="A29" s="48" t="s">
        <v>375</v>
      </c>
      <c r="B29" s="167">
        <v>109</v>
      </c>
      <c r="C29" s="168">
        <v>4.3594913907820372</v>
      </c>
      <c r="D29" s="86">
        <v>0.24989670607781661</v>
      </c>
    </row>
    <row r="30" spans="1:37">
      <c r="A30" s="56" t="s">
        <v>358</v>
      </c>
      <c r="B30" s="165">
        <v>93</v>
      </c>
      <c r="C30" s="166">
        <v>3.8774684851211521</v>
      </c>
      <c r="D30" s="85">
        <v>0.2814381399188926</v>
      </c>
    </row>
    <row r="32" spans="1:37" ht="18.75">
      <c r="A32" s="340" t="s">
        <v>42</v>
      </c>
      <c r="B32" s="340"/>
      <c r="C32" s="340"/>
      <c r="D32" s="340"/>
      <c r="E32" s="340"/>
      <c r="F32" s="340"/>
      <c r="G32" s="340"/>
      <c r="H32" s="340"/>
      <c r="I32" s="340"/>
      <c r="J32" s="340"/>
      <c r="K32" s="340"/>
      <c r="L32" s="340"/>
      <c r="M32" s="340"/>
      <c r="N32" s="340"/>
      <c r="O32" s="340"/>
      <c r="P32" s="340"/>
      <c r="Q32" s="340"/>
      <c r="R32" s="340"/>
      <c r="S32" s="340"/>
      <c r="T32" s="340"/>
      <c r="U32" s="340"/>
      <c r="V32" s="340"/>
      <c r="W32" s="340"/>
      <c r="X32" s="340"/>
      <c r="Y32" s="340"/>
      <c r="Z32" s="340"/>
      <c r="AA32" s="340"/>
      <c r="AB32" s="340"/>
      <c r="AC32" s="340"/>
      <c r="AD32" s="340"/>
      <c r="AE32" s="340"/>
      <c r="AF32" s="340"/>
      <c r="AG32" s="340"/>
      <c r="AH32" s="340"/>
      <c r="AI32" s="340"/>
      <c r="AJ32" s="340"/>
      <c r="AK32" s="340"/>
    </row>
    <row r="33" spans="1:45" ht="64.5" customHeight="1">
      <c r="A33" s="400" t="s">
        <v>601</v>
      </c>
      <c r="B33" s="400"/>
      <c r="C33" s="400"/>
      <c r="D33" s="400"/>
      <c r="E33" s="400"/>
      <c r="F33" s="400"/>
      <c r="G33" s="400"/>
      <c r="H33" s="400"/>
      <c r="I33" s="400"/>
      <c r="J33" s="400"/>
      <c r="K33" s="400"/>
      <c r="L33" s="400"/>
      <c r="M33" s="400"/>
      <c r="N33" s="400"/>
      <c r="O33" s="400"/>
      <c r="P33" s="400"/>
      <c r="Q33" s="400"/>
      <c r="R33" s="400"/>
      <c r="S33" s="400"/>
      <c r="T33" s="400"/>
      <c r="U33" s="400"/>
      <c r="V33" s="400"/>
      <c r="W33" s="400"/>
      <c r="X33" s="400"/>
      <c r="Y33" s="400"/>
      <c r="Z33" s="400"/>
      <c r="AA33" s="400"/>
      <c r="AB33" s="400"/>
      <c r="AC33" s="400"/>
      <c r="AD33" s="400"/>
      <c r="AE33" s="400"/>
      <c r="AF33" s="400"/>
      <c r="AG33" s="400"/>
      <c r="AH33" s="400"/>
      <c r="AI33" s="400"/>
      <c r="AJ33" s="400"/>
      <c r="AK33" s="400"/>
    </row>
    <row r="34" spans="1:45" ht="39" customHeight="1">
      <c r="A34" s="63"/>
      <c r="B34" s="395" t="s">
        <v>123</v>
      </c>
      <c r="C34" s="398"/>
      <c r="D34" s="398"/>
      <c r="E34" s="398"/>
      <c r="F34" s="398"/>
      <c r="G34" s="398"/>
      <c r="H34" s="398"/>
      <c r="I34" s="398"/>
      <c r="J34" s="399"/>
      <c r="K34" s="395" t="s">
        <v>404</v>
      </c>
      <c r="L34" s="398"/>
      <c r="M34" s="398"/>
      <c r="N34" s="398"/>
      <c r="O34" s="398"/>
      <c r="P34" s="398"/>
      <c r="Q34" s="398"/>
      <c r="R34" s="398"/>
      <c r="S34" s="399"/>
      <c r="T34" s="395" t="s">
        <v>124</v>
      </c>
      <c r="U34" s="398"/>
      <c r="V34" s="398"/>
      <c r="W34" s="398"/>
      <c r="X34" s="398"/>
      <c r="Y34" s="398"/>
      <c r="Z34" s="398"/>
      <c r="AA34" s="398"/>
      <c r="AB34" s="399"/>
      <c r="AC34" s="395" t="s">
        <v>405</v>
      </c>
      <c r="AD34" s="398"/>
      <c r="AE34" s="398"/>
      <c r="AF34" s="398"/>
      <c r="AG34" s="398"/>
      <c r="AH34" s="398"/>
      <c r="AI34" s="398"/>
      <c r="AJ34" s="398"/>
      <c r="AK34" s="399"/>
      <c r="AL34" s="299"/>
      <c r="AM34" s="299"/>
      <c r="AN34" s="299"/>
      <c r="AO34" s="299"/>
      <c r="AP34" s="299"/>
      <c r="AQ34" s="299"/>
      <c r="AR34" s="299"/>
      <c r="AS34" s="299"/>
    </row>
    <row r="35" spans="1:45" ht="72">
      <c r="A35" s="36" t="s">
        <v>70</v>
      </c>
      <c r="B35" s="37" t="s">
        <v>71</v>
      </c>
      <c r="C35" s="37" t="s">
        <v>156</v>
      </c>
      <c r="D35" s="88" t="s">
        <v>84</v>
      </c>
      <c r="E35" s="37" t="s">
        <v>157</v>
      </c>
      <c r="F35" s="88" t="s">
        <v>85</v>
      </c>
      <c r="G35" s="37" t="s">
        <v>158</v>
      </c>
      <c r="H35" s="88" t="s">
        <v>86</v>
      </c>
      <c r="I35" s="37" t="s">
        <v>301</v>
      </c>
      <c r="J35" s="88" t="s">
        <v>300</v>
      </c>
      <c r="K35" s="64" t="s">
        <v>71</v>
      </c>
      <c r="L35" s="64" t="s">
        <v>156</v>
      </c>
      <c r="M35" s="87" t="s">
        <v>84</v>
      </c>
      <c r="N35" s="64" t="s">
        <v>157</v>
      </c>
      <c r="O35" s="87" t="s">
        <v>85</v>
      </c>
      <c r="P35" s="64" t="s">
        <v>158</v>
      </c>
      <c r="Q35" s="87" t="s">
        <v>86</v>
      </c>
      <c r="R35" s="64" t="s">
        <v>301</v>
      </c>
      <c r="S35" s="87" t="s">
        <v>300</v>
      </c>
      <c r="T35" s="37" t="s">
        <v>71</v>
      </c>
      <c r="U35" s="37" t="s">
        <v>156</v>
      </c>
      <c r="V35" s="88" t="s">
        <v>84</v>
      </c>
      <c r="W35" s="37" t="s">
        <v>157</v>
      </c>
      <c r="X35" s="88" t="s">
        <v>85</v>
      </c>
      <c r="Y35" s="37" t="s">
        <v>158</v>
      </c>
      <c r="Z35" s="88" t="s">
        <v>86</v>
      </c>
      <c r="AA35" s="37" t="s">
        <v>301</v>
      </c>
      <c r="AB35" s="88" t="s">
        <v>300</v>
      </c>
      <c r="AC35" s="64" t="s">
        <v>71</v>
      </c>
      <c r="AD35" s="64" t="s">
        <v>156</v>
      </c>
      <c r="AE35" s="87" t="s">
        <v>84</v>
      </c>
      <c r="AF35" s="64" t="s">
        <v>157</v>
      </c>
      <c r="AG35" s="87" t="s">
        <v>85</v>
      </c>
      <c r="AH35" s="64" t="s">
        <v>158</v>
      </c>
      <c r="AI35" s="87" t="s">
        <v>86</v>
      </c>
      <c r="AJ35" s="64" t="s">
        <v>301</v>
      </c>
      <c r="AK35" s="87" t="s">
        <v>300</v>
      </c>
    </row>
    <row r="36" spans="1:45" ht="84">
      <c r="A36" s="40"/>
      <c r="B36" s="41" t="s">
        <v>73</v>
      </c>
      <c r="C36" s="41" t="s">
        <v>159</v>
      </c>
      <c r="D36" s="90" t="s">
        <v>125</v>
      </c>
      <c r="E36" s="41" t="s">
        <v>160</v>
      </c>
      <c r="F36" s="90" t="s">
        <v>126</v>
      </c>
      <c r="G36" s="41" t="s">
        <v>161</v>
      </c>
      <c r="H36" s="90" t="s">
        <v>127</v>
      </c>
      <c r="I36" s="41" t="s">
        <v>301</v>
      </c>
      <c r="J36" s="90" t="s">
        <v>87</v>
      </c>
      <c r="K36" s="67" t="s">
        <v>73</v>
      </c>
      <c r="L36" s="67" t="s">
        <v>159</v>
      </c>
      <c r="M36" s="89" t="s">
        <v>125</v>
      </c>
      <c r="N36" s="67" t="s">
        <v>160</v>
      </c>
      <c r="O36" s="89" t="s">
        <v>126</v>
      </c>
      <c r="P36" s="67" t="s">
        <v>161</v>
      </c>
      <c r="Q36" s="89" t="s">
        <v>127</v>
      </c>
      <c r="R36" s="67" t="s">
        <v>301</v>
      </c>
      <c r="S36" s="89" t="s">
        <v>87</v>
      </c>
      <c r="T36" s="41" t="s">
        <v>73</v>
      </c>
      <c r="U36" s="41" t="s">
        <v>159</v>
      </c>
      <c r="V36" s="90" t="s">
        <v>125</v>
      </c>
      <c r="W36" s="41" t="s">
        <v>160</v>
      </c>
      <c r="X36" s="90" t="s">
        <v>126</v>
      </c>
      <c r="Y36" s="41" t="s">
        <v>161</v>
      </c>
      <c r="Z36" s="90" t="s">
        <v>127</v>
      </c>
      <c r="AA36" s="41" t="s">
        <v>301</v>
      </c>
      <c r="AB36" s="90" t="s">
        <v>87</v>
      </c>
      <c r="AC36" s="67" t="s">
        <v>73</v>
      </c>
      <c r="AD36" s="67" t="s">
        <v>159</v>
      </c>
      <c r="AE36" s="89" t="s">
        <v>125</v>
      </c>
      <c r="AF36" s="67" t="s">
        <v>160</v>
      </c>
      <c r="AG36" s="89" t="s">
        <v>126</v>
      </c>
      <c r="AH36" s="67" t="s">
        <v>161</v>
      </c>
      <c r="AI36" s="89" t="s">
        <v>127</v>
      </c>
      <c r="AJ36" s="67" t="s">
        <v>301</v>
      </c>
      <c r="AK36" s="89" t="s">
        <v>87</v>
      </c>
    </row>
    <row r="37" spans="1:45">
      <c r="A37" s="44" t="s">
        <v>349</v>
      </c>
      <c r="B37" s="165">
        <v>13880</v>
      </c>
      <c r="C37" s="169">
        <v>0.29135498375824709</v>
      </c>
      <c r="D37" s="93">
        <v>7.7130236530871749E-3</v>
      </c>
      <c r="E37" s="169">
        <v>0.20774797413696611</v>
      </c>
      <c r="F37" s="93">
        <v>6.8871205039825641E-3</v>
      </c>
      <c r="G37" s="169">
        <v>0.42667464265435678</v>
      </c>
      <c r="H37" s="93">
        <v>8.3950721840318297E-3</v>
      </c>
      <c r="I37" s="92">
        <v>7.4222399450447132E-2</v>
      </c>
      <c r="J37" s="93">
        <v>4.4526989233520213E-3</v>
      </c>
      <c r="K37" s="165">
        <v>13890</v>
      </c>
      <c r="L37" s="169">
        <v>0.34189549028266986</v>
      </c>
      <c r="M37" s="93">
        <v>8.0486743476053009E-3</v>
      </c>
      <c r="N37" s="169">
        <v>0.19965478829868658</v>
      </c>
      <c r="O37" s="93">
        <v>6.7836815219318699E-3</v>
      </c>
      <c r="P37" s="169">
        <v>0.38036655567884892</v>
      </c>
      <c r="Q37" s="93">
        <v>8.2374449806215944E-3</v>
      </c>
      <c r="R37" s="92">
        <v>7.8083165739812943E-2</v>
      </c>
      <c r="S37" s="93">
        <v>4.5556447490135397E-3</v>
      </c>
      <c r="T37" s="165">
        <v>13870</v>
      </c>
      <c r="U37" s="169">
        <v>0.27724897641459306</v>
      </c>
      <c r="V37" s="93">
        <v>7.6013281544836074E-3</v>
      </c>
      <c r="W37" s="169">
        <v>0.17088162611656965</v>
      </c>
      <c r="X37" s="93">
        <v>6.3926480768412685E-3</v>
      </c>
      <c r="Y37" s="169">
        <v>0.47270941898900426</v>
      </c>
      <c r="Z37" s="93">
        <v>8.4771849695039116E-3</v>
      </c>
      <c r="AA37" s="92">
        <v>7.9159978479849333E-2</v>
      </c>
      <c r="AB37" s="93">
        <v>4.5875207340211428E-3</v>
      </c>
      <c r="AC37" s="165">
        <v>13866</v>
      </c>
      <c r="AD37" s="169">
        <v>0.18962844274582047</v>
      </c>
      <c r="AE37" s="93">
        <v>6.6583111622112584E-3</v>
      </c>
      <c r="AF37" s="169">
        <v>0.20424099143650934</v>
      </c>
      <c r="AG37" s="93">
        <v>6.8473320865241206E-3</v>
      </c>
      <c r="AH37" s="169">
        <v>0.5516637581328524</v>
      </c>
      <c r="AI37" s="93">
        <v>8.4456341950027262E-3</v>
      </c>
      <c r="AJ37" s="92">
        <v>5.4466807684833363E-2</v>
      </c>
      <c r="AK37" s="93">
        <v>3.8581424358494704E-3</v>
      </c>
    </row>
    <row r="38" spans="1:45">
      <c r="A38" s="48" t="s">
        <v>350</v>
      </c>
      <c r="B38" s="167">
        <v>10168</v>
      </c>
      <c r="C38" s="170">
        <v>0.33326677326710175</v>
      </c>
      <c r="D38" s="96">
        <v>9.3480330482870848E-3</v>
      </c>
      <c r="E38" s="170">
        <v>0.19428790359081041</v>
      </c>
      <c r="F38" s="96">
        <v>7.8476849694572807E-3</v>
      </c>
      <c r="G38" s="170">
        <v>0.41315788767892103</v>
      </c>
      <c r="H38" s="96">
        <v>9.7645175620285907E-3</v>
      </c>
      <c r="I38" s="95">
        <v>5.9287435463167414E-2</v>
      </c>
      <c r="J38" s="96">
        <v>4.6895420877363717E-3</v>
      </c>
      <c r="K38" s="167">
        <v>10170</v>
      </c>
      <c r="L38" s="170">
        <v>0.39402579456126929</v>
      </c>
      <c r="M38" s="96">
        <v>9.6890579643586581E-3</v>
      </c>
      <c r="N38" s="170">
        <v>0.18979803786146401</v>
      </c>
      <c r="O38" s="96">
        <v>7.7773820216411422E-3</v>
      </c>
      <c r="P38" s="170">
        <v>0.35379391199148785</v>
      </c>
      <c r="Q38" s="96">
        <v>9.48114504039641E-3</v>
      </c>
      <c r="R38" s="95">
        <v>6.2382255585778743E-2</v>
      </c>
      <c r="S38" s="96">
        <v>4.8015980641209861E-3</v>
      </c>
      <c r="T38" s="167">
        <v>10158</v>
      </c>
      <c r="U38" s="170">
        <v>0.2617227838355578</v>
      </c>
      <c r="V38" s="96">
        <v>8.7221010497714763E-3</v>
      </c>
      <c r="W38" s="170">
        <v>0.15472642745560647</v>
      </c>
      <c r="X38" s="96">
        <v>7.1775632918835621E-3</v>
      </c>
      <c r="Y38" s="170">
        <v>0.51047888836438104</v>
      </c>
      <c r="Z38" s="96">
        <v>9.9177939588992944E-3</v>
      </c>
      <c r="AA38" s="95">
        <v>7.307190034444877E-2</v>
      </c>
      <c r="AB38" s="96">
        <v>5.168899282576263E-3</v>
      </c>
      <c r="AC38" s="167">
        <v>10150</v>
      </c>
      <c r="AD38" s="170">
        <v>0.19876171915823659</v>
      </c>
      <c r="AE38" s="96">
        <v>7.9223874203287852E-3</v>
      </c>
      <c r="AF38" s="170">
        <v>0.19577903998632742</v>
      </c>
      <c r="AG38" s="96">
        <v>7.8773969127038865E-3</v>
      </c>
      <c r="AH38" s="170">
        <v>0.56270077896976678</v>
      </c>
      <c r="AI38" s="96">
        <v>9.8456016184728413E-3</v>
      </c>
      <c r="AJ38" s="95">
        <v>4.2758461885663117E-2</v>
      </c>
      <c r="AK38" s="96">
        <v>4.0235109008786556E-3</v>
      </c>
    </row>
    <row r="39" spans="1:45">
      <c r="A39" s="44" t="s">
        <v>351</v>
      </c>
      <c r="B39" s="165">
        <v>3712</v>
      </c>
      <c r="C39" s="169">
        <v>0.25751204521443621</v>
      </c>
      <c r="D39" s="93">
        <v>1.435090423557771E-2</v>
      </c>
      <c r="E39" s="169">
        <v>0.21861671406972916</v>
      </c>
      <c r="F39" s="93">
        <v>1.3566953538342721E-2</v>
      </c>
      <c r="G39" s="169">
        <v>0.43758915413920407</v>
      </c>
      <c r="H39" s="93">
        <v>1.6276448788270725E-2</v>
      </c>
      <c r="I39" s="92">
        <v>8.6282086576631195E-2</v>
      </c>
      <c r="J39" s="93">
        <v>9.2335897220080995E-3</v>
      </c>
      <c r="K39" s="165">
        <v>3720</v>
      </c>
      <c r="L39" s="169">
        <v>0.29988188691440143</v>
      </c>
      <c r="M39" s="93">
        <v>1.5020169942289666E-2</v>
      </c>
      <c r="N39" s="169">
        <v>0.20759868214507307</v>
      </c>
      <c r="O39" s="93">
        <v>1.3300018210992307E-2</v>
      </c>
      <c r="P39" s="169">
        <v>0.40178236223849839</v>
      </c>
      <c r="Q39" s="93">
        <v>1.6068262271909963E-2</v>
      </c>
      <c r="R39" s="92">
        <v>9.0737068702027524E-2</v>
      </c>
      <c r="S39" s="93">
        <v>9.4342361478275787E-3</v>
      </c>
      <c r="T39" s="165">
        <v>3712</v>
      </c>
      <c r="U39" s="169">
        <v>0.28976239904789852</v>
      </c>
      <c r="V39" s="93">
        <v>1.488727849610906E-2</v>
      </c>
      <c r="W39" s="169">
        <v>0.1839019997555458</v>
      </c>
      <c r="X39" s="93">
        <v>1.2719421723788366E-2</v>
      </c>
      <c r="Y39" s="169">
        <v>0.44226890174535066</v>
      </c>
      <c r="Z39" s="93">
        <v>1.6294989609164812E-2</v>
      </c>
      <c r="AA39" s="92">
        <v>8.4066699451206095E-2</v>
      </c>
      <c r="AB39" s="93">
        <v>9.1260597318304666E-3</v>
      </c>
      <c r="AC39" s="165">
        <v>3716</v>
      </c>
      <c r="AD39" s="169">
        <v>0.18226540276901662</v>
      </c>
      <c r="AE39" s="93">
        <v>1.2668720141177653E-2</v>
      </c>
      <c r="AF39" s="169">
        <v>0.21106282447822419</v>
      </c>
      <c r="AG39" s="93">
        <v>1.3388116583072094E-2</v>
      </c>
      <c r="AH39" s="169">
        <v>0.54276596264550536</v>
      </c>
      <c r="AI39" s="93">
        <v>1.6335692286377296E-2</v>
      </c>
      <c r="AJ39" s="92">
        <v>6.3905810107254254E-2</v>
      </c>
      <c r="AK39" s="93">
        <v>8.0476152154377954E-3</v>
      </c>
    </row>
    <row r="40" spans="1:45">
      <c r="A40" s="48" t="s">
        <v>558</v>
      </c>
      <c r="B40" s="167">
        <v>335</v>
      </c>
      <c r="C40" s="170">
        <v>0.3002578444120988</v>
      </c>
      <c r="D40" s="96">
        <v>4.990126381312552E-2</v>
      </c>
      <c r="E40" s="170">
        <v>0.22367360578855852</v>
      </c>
      <c r="F40" s="96">
        <v>4.549757828146609E-2</v>
      </c>
      <c r="G40" s="170">
        <v>0.37974089213097534</v>
      </c>
      <c r="H40" s="96">
        <v>5.2756134630053027E-2</v>
      </c>
      <c r="I40" s="95">
        <v>9.6327657668368066E-2</v>
      </c>
      <c r="J40" s="96">
        <v>3.2744908907363895E-2</v>
      </c>
      <c r="K40" s="167">
        <v>334</v>
      </c>
      <c r="L40" s="170">
        <v>0.37695028717886686</v>
      </c>
      <c r="M40" s="96">
        <v>5.275992516953007E-2</v>
      </c>
      <c r="N40" s="170">
        <v>0.22250538684030474</v>
      </c>
      <c r="O40" s="96">
        <v>4.5483401959817434E-2</v>
      </c>
      <c r="P40" s="170">
        <v>0.31543425045364848</v>
      </c>
      <c r="Q40" s="96">
        <v>5.064518342517442E-2</v>
      </c>
      <c r="R40" s="95">
        <v>8.5110075527180584E-2</v>
      </c>
      <c r="S40" s="96">
        <v>3.1135590525525121E-2</v>
      </c>
      <c r="T40" s="167">
        <v>335</v>
      </c>
      <c r="U40" s="170">
        <v>0.29518226809042003</v>
      </c>
      <c r="V40" s="96">
        <v>4.9663627684543118E-2</v>
      </c>
      <c r="W40" s="170">
        <v>0.19969757152042333</v>
      </c>
      <c r="X40" s="96">
        <v>4.3711858075764561E-2</v>
      </c>
      <c r="Y40" s="170">
        <v>0.42330519762205798</v>
      </c>
      <c r="Z40" s="96">
        <v>5.3684965325552704E-2</v>
      </c>
      <c r="AA40" s="95">
        <v>8.1814962767099195E-2</v>
      </c>
      <c r="AB40" s="96">
        <v>3.0574413990900912E-2</v>
      </c>
      <c r="AC40" s="167">
        <v>336</v>
      </c>
      <c r="AD40" s="170">
        <v>0.19535279319621235</v>
      </c>
      <c r="AE40" s="96">
        <v>4.3299367820525521E-2</v>
      </c>
      <c r="AF40" s="170">
        <v>0.22639601475444901</v>
      </c>
      <c r="AG40" s="96">
        <v>4.561886731423645E-2</v>
      </c>
      <c r="AH40" s="170">
        <v>0.49502503367794781</v>
      </c>
      <c r="AI40" s="96">
        <v>5.4229992639651017E-2</v>
      </c>
      <c r="AJ40" s="95">
        <v>8.3226158371391565E-2</v>
      </c>
      <c r="AK40" s="96">
        <v>3.0748044875539629E-2</v>
      </c>
    </row>
    <row r="41" spans="1:45">
      <c r="A41" s="44" t="s">
        <v>559</v>
      </c>
      <c r="B41" s="165">
        <v>3609</v>
      </c>
      <c r="C41" s="169">
        <v>0.29057192023829098</v>
      </c>
      <c r="D41" s="93">
        <v>1.5110514258890512E-2</v>
      </c>
      <c r="E41" s="169">
        <v>0.19346891784693554</v>
      </c>
      <c r="F41" s="93">
        <v>1.3152289124872232E-2</v>
      </c>
      <c r="G41" s="169">
        <v>0.44944179125033346</v>
      </c>
      <c r="H41" s="93">
        <v>1.6551575006847334E-2</v>
      </c>
      <c r="I41" s="92">
        <v>6.6517370664455247E-2</v>
      </c>
      <c r="J41" s="93">
        <v>8.3189031942312967E-3</v>
      </c>
      <c r="K41" s="165">
        <v>3604</v>
      </c>
      <c r="L41" s="169">
        <v>0.35863281111372769</v>
      </c>
      <c r="M41" s="93">
        <v>1.5970441282687702E-2</v>
      </c>
      <c r="N41" s="169">
        <v>0.19137904791601479</v>
      </c>
      <c r="O41" s="93">
        <v>1.310727448683831E-2</v>
      </c>
      <c r="P41" s="169">
        <v>0.3785928691055197</v>
      </c>
      <c r="Q41" s="93">
        <v>1.6151066658468327E-2</v>
      </c>
      <c r="R41" s="92">
        <v>7.1395271864754403E-2</v>
      </c>
      <c r="S41" s="93">
        <v>8.5995592864350212E-3</v>
      </c>
      <c r="T41" s="165">
        <v>3604</v>
      </c>
      <c r="U41" s="169">
        <v>0.28646455081759947</v>
      </c>
      <c r="V41" s="93">
        <v>1.505730586183363E-2</v>
      </c>
      <c r="W41" s="169">
        <v>0.16689364881435154</v>
      </c>
      <c r="X41" s="93">
        <v>1.2426549304431782E-2</v>
      </c>
      <c r="Y41" s="169">
        <v>0.46917411619062044</v>
      </c>
      <c r="Z41" s="93">
        <v>1.6616579713185309E-2</v>
      </c>
      <c r="AA41" s="92">
        <v>7.7467684177443111E-2</v>
      </c>
      <c r="AB41" s="93">
        <v>8.92578939956515E-3</v>
      </c>
      <c r="AC41" s="165">
        <v>3596</v>
      </c>
      <c r="AD41" s="169">
        <v>0.19245997309060128</v>
      </c>
      <c r="AE41" s="93">
        <v>1.3149955419825811E-2</v>
      </c>
      <c r="AF41" s="169">
        <v>0.19593306944027805</v>
      </c>
      <c r="AG41" s="93">
        <v>1.3239194626620524E-2</v>
      </c>
      <c r="AH41" s="169">
        <v>0.56242113633773627</v>
      </c>
      <c r="AI41" s="93">
        <v>1.6536567411875123E-2</v>
      </c>
      <c r="AJ41" s="92">
        <v>4.9185821131395156E-2</v>
      </c>
      <c r="AK41" s="93">
        <v>7.2432309439291838E-3</v>
      </c>
    </row>
    <row r="42" spans="1:45">
      <c r="A42" s="48" t="s">
        <v>560</v>
      </c>
      <c r="B42" s="167">
        <v>2959</v>
      </c>
      <c r="C42" s="170">
        <v>0.342269576135658</v>
      </c>
      <c r="D42" s="96">
        <v>1.7435605073168086E-2</v>
      </c>
      <c r="E42" s="170">
        <v>0.18571627615817912</v>
      </c>
      <c r="F42" s="96">
        <v>1.43007684587772E-2</v>
      </c>
      <c r="G42" s="170">
        <v>0.41942475755785913</v>
      </c>
      <c r="H42" s="96">
        <v>1.8131597830727587E-2</v>
      </c>
      <c r="I42" s="95">
        <v>5.2589390148299449E-2</v>
      </c>
      <c r="J42" s="96">
        <v>8.2456260107038552E-3</v>
      </c>
      <c r="K42" s="167">
        <v>2954</v>
      </c>
      <c r="L42" s="170">
        <v>0.41768009594021582</v>
      </c>
      <c r="M42" s="96">
        <v>1.81363533719891E-2</v>
      </c>
      <c r="N42" s="170">
        <v>0.18341787547864319</v>
      </c>
      <c r="O42" s="96">
        <v>1.4244396055412854E-2</v>
      </c>
      <c r="P42" s="170">
        <v>0.34387228159742461</v>
      </c>
      <c r="Q42" s="96">
        <v>1.7469765874716648E-2</v>
      </c>
      <c r="R42" s="95">
        <v>5.5029746983711547E-2</v>
      </c>
      <c r="S42" s="96">
        <v>8.4287255412382155E-3</v>
      </c>
      <c r="T42" s="167">
        <v>2954</v>
      </c>
      <c r="U42" s="170">
        <v>0.24043282828891471</v>
      </c>
      <c r="V42" s="96">
        <v>1.5722706077675286E-2</v>
      </c>
      <c r="W42" s="170">
        <v>0.1462967093993422</v>
      </c>
      <c r="X42" s="96">
        <v>1.3013339306786541E-2</v>
      </c>
      <c r="Y42" s="170">
        <v>0.54288921325057071</v>
      </c>
      <c r="Z42" s="96">
        <v>1.8318993234798478E-2</v>
      </c>
      <c r="AA42" s="95">
        <v>7.0381249061168924E-2</v>
      </c>
      <c r="AB42" s="96">
        <v>9.441938338103294E-3</v>
      </c>
      <c r="AC42" s="167">
        <v>2947</v>
      </c>
      <c r="AD42" s="170">
        <v>0.19589439001253908</v>
      </c>
      <c r="AE42" s="96">
        <v>1.4623725953180322E-2</v>
      </c>
      <c r="AF42" s="170">
        <v>0.1926023212686874</v>
      </c>
      <c r="AG42" s="96">
        <v>1.4530383211830512E-2</v>
      </c>
      <c r="AH42" s="170">
        <v>0.56869283851764107</v>
      </c>
      <c r="AI42" s="96">
        <v>1.8234292708928585E-2</v>
      </c>
      <c r="AJ42" s="95">
        <v>4.2810450201129335E-2</v>
      </c>
      <c r="AK42" s="96">
        <v>7.5041142697872256E-3</v>
      </c>
    </row>
    <row r="43" spans="1:45">
      <c r="A43" s="44" t="s">
        <v>368</v>
      </c>
      <c r="B43" s="165">
        <v>158</v>
      </c>
      <c r="C43" s="169">
        <v>0.32268108237617943</v>
      </c>
      <c r="D43" s="93">
        <v>7.3718102323259996E-2</v>
      </c>
      <c r="E43" s="169">
        <v>0.17804354024916511</v>
      </c>
      <c r="F43" s="93">
        <v>6.1141337118999488E-2</v>
      </c>
      <c r="G43" s="169">
        <v>0.43863577044762259</v>
      </c>
      <c r="H43" s="93">
        <v>7.8002546588892371E-2</v>
      </c>
      <c r="I43" s="92">
        <v>6.0639606927032588E-2</v>
      </c>
      <c r="J43" s="93">
        <v>4.0483947703819592E-2</v>
      </c>
      <c r="K43" s="165">
        <v>158</v>
      </c>
      <c r="L43" s="169">
        <v>0.36133880421630038</v>
      </c>
      <c r="M43" s="93">
        <v>7.5638978246460889E-2</v>
      </c>
      <c r="N43" s="169">
        <v>0.19998710781442139</v>
      </c>
      <c r="O43" s="93">
        <v>6.3708870356527475E-2</v>
      </c>
      <c r="P43" s="169">
        <v>0.39909887326477334</v>
      </c>
      <c r="Q43" s="93">
        <v>7.7030621279884179E-2</v>
      </c>
      <c r="R43" s="92">
        <v>3.9575214704504494E-2</v>
      </c>
      <c r="S43" s="93">
        <v>3.45512553619889E-2</v>
      </c>
      <c r="T43" s="165">
        <v>157</v>
      </c>
      <c r="U43" s="169">
        <v>0.24472768423150615</v>
      </c>
      <c r="V43" s="93">
        <v>6.8349445957221241E-2</v>
      </c>
      <c r="W43" s="169">
        <v>0.13867867839707579</v>
      </c>
      <c r="X43" s="93">
        <v>5.5917736330994783E-2</v>
      </c>
      <c r="Y43" s="169">
        <v>0.51770452773094733</v>
      </c>
      <c r="Z43" s="93">
        <v>7.8764044416619189E-2</v>
      </c>
      <c r="AA43" s="92">
        <v>9.8889109640470527E-2</v>
      </c>
      <c r="AB43" s="93">
        <v>4.9092452818681645E-2</v>
      </c>
      <c r="AC43" s="165">
        <v>158</v>
      </c>
      <c r="AD43" s="169">
        <v>0.17492978047249685</v>
      </c>
      <c r="AE43" s="93">
        <v>6.0753139930362701E-2</v>
      </c>
      <c r="AF43" s="169">
        <v>0.21002492164965722</v>
      </c>
      <c r="AG43" s="93">
        <v>6.4791319857792018E-2</v>
      </c>
      <c r="AH43" s="169">
        <v>0.57236752912206523</v>
      </c>
      <c r="AI43" s="93">
        <v>7.7780693294178152E-2</v>
      </c>
      <c r="AJ43" s="92">
        <v>4.2677768755780804E-2</v>
      </c>
      <c r="AK43" s="93">
        <v>3.5505850606368232E-2</v>
      </c>
    </row>
    <row r="44" spans="1:45">
      <c r="A44" s="48" t="s">
        <v>150</v>
      </c>
      <c r="B44" s="167">
        <v>271</v>
      </c>
      <c r="C44" s="170">
        <v>0.29970818900452922</v>
      </c>
      <c r="D44" s="96">
        <v>5.5404855367738495E-2</v>
      </c>
      <c r="E44" s="170">
        <v>0.22553710320986145</v>
      </c>
      <c r="F44" s="96">
        <v>5.0717842722203345E-2</v>
      </c>
      <c r="G44" s="170">
        <v>0.42256988836215781</v>
      </c>
      <c r="H44" s="96">
        <v>5.9595939049036477E-2</v>
      </c>
      <c r="I44" s="95">
        <v>5.2184819423450685E-2</v>
      </c>
      <c r="J44" s="96">
        <v>2.8349245681976144E-2</v>
      </c>
      <c r="K44" s="167">
        <v>271</v>
      </c>
      <c r="L44" s="170">
        <v>0.38866560245540244</v>
      </c>
      <c r="M44" s="96">
        <v>5.8832597195841912E-2</v>
      </c>
      <c r="N44" s="170">
        <v>0.14946667830576418</v>
      </c>
      <c r="O44" s="96">
        <v>4.3597314177328594E-2</v>
      </c>
      <c r="P44" s="170">
        <v>0.4086307157209067</v>
      </c>
      <c r="Q44" s="96">
        <v>5.9316439371640821E-2</v>
      </c>
      <c r="R44" s="95">
        <v>5.3237003517925971E-2</v>
      </c>
      <c r="S44" s="96">
        <v>2.8582781701646742E-2</v>
      </c>
      <c r="T44" s="167">
        <v>272</v>
      </c>
      <c r="U44" s="170">
        <v>0.19759176299605097</v>
      </c>
      <c r="V44" s="96">
        <v>4.83317035246697E-2</v>
      </c>
      <c r="W44" s="170">
        <v>0.16905317319501617</v>
      </c>
      <c r="X44" s="96">
        <v>4.5623832757890267E-2</v>
      </c>
      <c r="Y44" s="170">
        <v>0.59596110053507567</v>
      </c>
      <c r="Z44" s="96">
        <v>5.9106443776740902E-2</v>
      </c>
      <c r="AA44" s="95">
        <v>3.7393963273854594E-2</v>
      </c>
      <c r="AB44" s="96">
        <v>2.4716869153148351E-2</v>
      </c>
      <c r="AC44" s="167">
        <v>271</v>
      </c>
      <c r="AD44" s="170">
        <v>0.17602871219802538</v>
      </c>
      <c r="AE44" s="96">
        <v>4.6409043768089311E-2</v>
      </c>
      <c r="AF44" s="170">
        <v>0.13653759244733549</v>
      </c>
      <c r="AG44" s="96">
        <v>4.2075288552824143E-2</v>
      </c>
      <c r="AH44" s="170">
        <v>0.63548229652747157</v>
      </c>
      <c r="AI44" s="96">
        <v>5.811269811667464E-2</v>
      </c>
      <c r="AJ44" s="95">
        <v>5.195139882716502E-2</v>
      </c>
      <c r="AK44" s="96">
        <v>2.8297101034148911E-2</v>
      </c>
    </row>
    <row r="45" spans="1:45">
      <c r="A45" s="44" t="s">
        <v>352</v>
      </c>
      <c r="B45" s="165">
        <v>121</v>
      </c>
      <c r="C45" s="169">
        <v>0.40953049727754937</v>
      </c>
      <c r="D45" s="93">
        <v>8.8060108687963767E-2</v>
      </c>
      <c r="E45" s="169">
        <v>0.14723960047525189</v>
      </c>
      <c r="F45" s="93">
        <v>6.5335277487456753E-2</v>
      </c>
      <c r="G45" s="169">
        <v>0.39207713107467695</v>
      </c>
      <c r="H45" s="93">
        <v>8.7468606043863362E-2</v>
      </c>
      <c r="I45" s="92">
        <v>5.1152771172520622E-2</v>
      </c>
      <c r="J45" s="93">
        <v>4.4262327687875185E-2</v>
      </c>
      <c r="K45" s="165">
        <v>120</v>
      </c>
      <c r="L45" s="169">
        <v>0.38997233665829545</v>
      </c>
      <c r="M45" s="93">
        <v>8.7742723945470377E-2</v>
      </c>
      <c r="N45" s="169">
        <v>0.11758241927001874</v>
      </c>
      <c r="O45" s="93">
        <v>6.0385765612347368E-2</v>
      </c>
      <c r="P45" s="169">
        <v>0.40907736884349172</v>
      </c>
      <c r="Q45" s="93">
        <v>8.8401179147570966E-2</v>
      </c>
      <c r="R45" s="92">
        <v>8.3367875228192861E-2</v>
      </c>
      <c r="S45" s="93">
        <v>5.3108502954582346E-2</v>
      </c>
      <c r="T45" s="165">
        <v>120</v>
      </c>
      <c r="U45" s="169">
        <v>0.18627963894781696</v>
      </c>
      <c r="V45" s="93">
        <v>7.135256123552651E-2</v>
      </c>
      <c r="W45" s="169">
        <v>0.22733236754405683</v>
      </c>
      <c r="X45" s="93">
        <v>7.627869510532205E-2</v>
      </c>
      <c r="Y45" s="169">
        <v>0.56211404518508823</v>
      </c>
      <c r="Z45" s="93">
        <v>8.9151329095134832E-2</v>
      </c>
      <c r="AA45" s="92">
        <v>2.4273948323036854E-2</v>
      </c>
      <c r="AB45" s="93">
        <v>3.5034641636631385E-2</v>
      </c>
      <c r="AC45" s="165">
        <v>120</v>
      </c>
      <c r="AD45" s="169">
        <v>0.22106068681022661</v>
      </c>
      <c r="AE45" s="93">
        <v>7.5590516196259366E-2</v>
      </c>
      <c r="AF45" s="169">
        <v>0.1565554375937932</v>
      </c>
      <c r="AG45" s="93">
        <v>6.7089982371133727E-2</v>
      </c>
      <c r="AH45" s="169">
        <v>0.60854682616674394</v>
      </c>
      <c r="AI45" s="93">
        <v>8.7798427802257106E-2</v>
      </c>
      <c r="AJ45" s="92">
        <v>1.3837049429235661E-2</v>
      </c>
      <c r="AK45" s="93">
        <v>3.0399655704237485E-2</v>
      </c>
    </row>
    <row r="46" spans="1:45">
      <c r="A46" s="48" t="s">
        <v>353</v>
      </c>
      <c r="B46" s="167">
        <v>115</v>
      </c>
      <c r="C46" s="170">
        <v>0.24356562950951513</v>
      </c>
      <c r="D46" s="96">
        <v>7.961838829304875E-2</v>
      </c>
      <c r="E46" s="170">
        <v>0.2307972380926363</v>
      </c>
      <c r="F46" s="96">
        <v>7.8284105071149968E-2</v>
      </c>
      <c r="G46" s="170">
        <v>0.46259914875787411</v>
      </c>
      <c r="H46" s="96">
        <v>9.1430027322648669E-2</v>
      </c>
      <c r="I46" s="95">
        <v>6.3037983639972928E-2</v>
      </c>
      <c r="J46" s="96">
        <v>4.9087294987208811E-2</v>
      </c>
      <c r="K46" s="167">
        <v>117</v>
      </c>
      <c r="L46" s="170">
        <v>0.40123569558775202</v>
      </c>
      <c r="M46" s="96">
        <v>8.923548020832707E-2</v>
      </c>
      <c r="N46" s="170">
        <v>0.15580208054821237</v>
      </c>
      <c r="O46" s="96">
        <v>6.7843084997755432E-2</v>
      </c>
      <c r="P46" s="170">
        <v>0.44214615018698766</v>
      </c>
      <c r="Q46" s="96">
        <v>9.033831144338883E-2</v>
      </c>
      <c r="R46" s="95">
        <v>8.1607367704653207E-4</v>
      </c>
      <c r="S46" s="96">
        <v>2.3718812689357771E-2</v>
      </c>
      <c r="T46" s="167">
        <v>117</v>
      </c>
      <c r="U46" s="170">
        <v>0.21853054884483547</v>
      </c>
      <c r="V46" s="96">
        <v>7.626105429944563E-2</v>
      </c>
      <c r="W46" s="170">
        <v>0.1106820624514646</v>
      </c>
      <c r="X46" s="96">
        <v>5.9830880444234548E-2</v>
      </c>
      <c r="Y46" s="170">
        <v>0.63270151564232702</v>
      </c>
      <c r="Z46" s="96">
        <v>8.7864535229231031E-2</v>
      </c>
      <c r="AA46" s="95">
        <v>3.8085873061372053E-2</v>
      </c>
      <c r="AB46" s="96">
        <v>4.0862164707679192E-2</v>
      </c>
      <c r="AC46" s="167">
        <v>116</v>
      </c>
      <c r="AD46" s="170">
        <v>0.15342437617156379</v>
      </c>
      <c r="AE46" s="96">
        <v>6.77641794346064E-2</v>
      </c>
      <c r="AF46" s="170">
        <v>8.2387145414474269E-2</v>
      </c>
      <c r="AG46" s="96">
        <v>5.3861682456092311E-2</v>
      </c>
      <c r="AH46" s="170">
        <v>0.66383342755109009</v>
      </c>
      <c r="AI46" s="96">
        <v>8.6586798528066777E-2</v>
      </c>
      <c r="AJ46" s="95">
        <v>0.10035505086287118</v>
      </c>
      <c r="AK46" s="96">
        <v>5.7952334246006078E-2</v>
      </c>
    </row>
    <row r="47" spans="1:45">
      <c r="A47" s="44" t="s">
        <v>369</v>
      </c>
      <c r="B47" s="165">
        <v>423</v>
      </c>
      <c r="C47" s="169">
        <v>0.29867378757453694</v>
      </c>
      <c r="D47" s="93">
        <v>4.4376881299625137E-2</v>
      </c>
      <c r="E47" s="169">
        <v>0.18349289430170934</v>
      </c>
      <c r="F47" s="93">
        <v>3.7696098845049354E-2</v>
      </c>
      <c r="G47" s="169">
        <v>0.47104139803227146</v>
      </c>
      <c r="H47" s="93">
        <v>4.831367427508701E-2</v>
      </c>
      <c r="I47" s="92">
        <v>4.6791920091482787E-2</v>
      </c>
      <c r="J47" s="93">
        <v>2.1300264398767827E-2</v>
      </c>
      <c r="K47" s="165">
        <v>420</v>
      </c>
      <c r="L47" s="169">
        <v>0.38094587879469194</v>
      </c>
      <c r="M47" s="93">
        <v>4.7194128044842763E-2</v>
      </c>
      <c r="N47" s="169">
        <v>0.18641540857321826</v>
      </c>
      <c r="O47" s="93">
        <v>3.8055487685546632E-2</v>
      </c>
      <c r="P47" s="169">
        <v>0.41063499002340637</v>
      </c>
      <c r="Q47" s="93">
        <v>4.7797120922407198E-2</v>
      </c>
      <c r="R47" s="92">
        <v>2.2003722608684301E-2</v>
      </c>
      <c r="S47" s="93">
        <v>1.5604237403113856E-2</v>
      </c>
      <c r="T47" s="165">
        <v>417</v>
      </c>
      <c r="U47" s="169">
        <v>0.21501863300617452</v>
      </c>
      <c r="V47" s="93">
        <v>4.022756587350005E-2</v>
      </c>
      <c r="W47" s="169">
        <v>0.13893529801606386</v>
      </c>
      <c r="X47" s="93">
        <v>3.405986188604232E-2</v>
      </c>
      <c r="Y47" s="169">
        <v>0.58471406378310031</v>
      </c>
      <c r="Z47" s="93">
        <v>4.8045826262329706E-2</v>
      </c>
      <c r="AA47" s="92">
        <v>6.1332005194661698E-2</v>
      </c>
      <c r="AB47" s="93">
        <v>2.411564357199009E-2</v>
      </c>
      <c r="AC47" s="165">
        <v>420</v>
      </c>
      <c r="AD47" s="169">
        <v>0.14870425587173269</v>
      </c>
      <c r="AE47" s="93">
        <v>3.487292062669356E-2</v>
      </c>
      <c r="AF47" s="169">
        <v>0.17387352186610289</v>
      </c>
      <c r="AG47" s="93">
        <v>3.7066846571218011E-2</v>
      </c>
      <c r="AH47" s="169">
        <v>0.64865505874075835</v>
      </c>
      <c r="AI47" s="93">
        <v>4.6410459166416951E-2</v>
      </c>
      <c r="AJ47" s="92">
        <v>2.8767163521406309E-2</v>
      </c>
      <c r="AK47" s="93">
        <v>1.7404637512583775E-2</v>
      </c>
    </row>
    <row r="48" spans="1:45">
      <c r="A48" s="48" t="s">
        <v>354</v>
      </c>
      <c r="B48" s="167">
        <v>70</v>
      </c>
      <c r="C48" s="170">
        <v>0.36313616792140624</v>
      </c>
      <c r="D48" s="96">
        <v>0.11228309058278907</v>
      </c>
      <c r="E48" s="170">
        <v>0.13045235217195456</v>
      </c>
      <c r="F48" s="96">
        <v>8.3114817163165308E-2</v>
      </c>
      <c r="G48" s="170">
        <v>0.45420853459811239</v>
      </c>
      <c r="H48" s="96">
        <v>0.11581058682746827</v>
      </c>
      <c r="I48" s="95">
        <v>5.220294530852744E-2</v>
      </c>
      <c r="J48" s="96">
        <v>6.1762395529499428E-2</v>
      </c>
      <c r="K48" s="167">
        <v>71</v>
      </c>
      <c r="L48" s="170">
        <v>0.33951208362714114</v>
      </c>
      <c r="M48" s="96">
        <v>0.11001035403469295</v>
      </c>
      <c r="N48" s="170">
        <v>0.14312330068193418</v>
      </c>
      <c r="O48" s="96">
        <v>8.5123258489568948E-2</v>
      </c>
      <c r="P48" s="170">
        <v>0.48941303266528297</v>
      </c>
      <c r="Q48" s="96">
        <v>0.11544685424786016</v>
      </c>
      <c r="R48" s="95">
        <v>2.7951583025642487E-2</v>
      </c>
      <c r="S48" s="96">
        <v>5.1797023075523994E-2</v>
      </c>
      <c r="T48" s="167">
        <v>69</v>
      </c>
      <c r="U48" s="170">
        <v>0.18146456062066957</v>
      </c>
      <c r="V48" s="96">
        <v>9.3442522033037378E-2</v>
      </c>
      <c r="W48" s="170">
        <v>8.0167172440637591E-2</v>
      </c>
      <c r="X48" s="96">
        <v>7.1203858983988802E-2</v>
      </c>
      <c r="Y48" s="170">
        <v>0.72029493402935363</v>
      </c>
      <c r="Z48" s="96">
        <v>0.1064090774471759</v>
      </c>
      <c r="AA48" s="95">
        <v>1.8073332909339469E-2</v>
      </c>
      <c r="AB48" s="96">
        <v>4.825831113589165E-2</v>
      </c>
      <c r="AC48" s="167">
        <v>70</v>
      </c>
      <c r="AD48" s="170">
        <v>0.10581277925083601</v>
      </c>
      <c r="AE48" s="96">
        <v>7.7445936577194036E-2</v>
      </c>
      <c r="AF48" s="170">
        <v>0.27041100769089471</v>
      </c>
      <c r="AG48" s="96">
        <v>0.10470896062077144</v>
      </c>
      <c r="AH48" s="170">
        <v>0.59578102109893349</v>
      </c>
      <c r="AI48" s="96">
        <v>0.1143231492092989</v>
      </c>
      <c r="AJ48" s="95">
        <v>2.7995191959336588E-2</v>
      </c>
      <c r="AK48" s="96">
        <v>5.2322160047308788E-2</v>
      </c>
    </row>
    <row r="49" spans="1:37">
      <c r="A49" s="44" t="s">
        <v>355</v>
      </c>
      <c r="B49" s="165">
        <v>76</v>
      </c>
      <c r="C49" s="169">
        <v>0.36310995230006893</v>
      </c>
      <c r="D49" s="93">
        <v>0.10795558256610478</v>
      </c>
      <c r="E49" s="169">
        <v>9.9296531844771926E-2</v>
      </c>
      <c r="F49" s="93">
        <v>7.2488498871909279E-2</v>
      </c>
      <c r="G49" s="169">
        <v>0.47593140721143429</v>
      </c>
      <c r="H49" s="93">
        <v>0.11168643254983197</v>
      </c>
      <c r="I49" s="92">
        <v>6.1662108643724858E-2</v>
      </c>
      <c r="J49" s="93">
        <v>6.1884389563808512E-2</v>
      </c>
      <c r="K49" s="165">
        <v>75</v>
      </c>
      <c r="L49" s="169">
        <v>0.37128854370094366</v>
      </c>
      <c r="M49" s="93">
        <v>0.10909722144058517</v>
      </c>
      <c r="N49" s="169">
        <v>0.20722998706415147</v>
      </c>
      <c r="O49" s="93">
        <v>9.3523408474717656E-2</v>
      </c>
      <c r="P49" s="169">
        <v>0.38949358077114238</v>
      </c>
      <c r="Q49" s="93">
        <v>0.11000429198367882</v>
      </c>
      <c r="R49" s="92">
        <v>3.1987888463762451E-2</v>
      </c>
      <c r="S49" s="93">
        <v>5.1599194357219422E-2</v>
      </c>
      <c r="T49" s="165">
        <v>76</v>
      </c>
      <c r="U49" s="169">
        <v>0.29130349128113403</v>
      </c>
      <c r="V49" s="93">
        <v>0.10263827379243624</v>
      </c>
      <c r="W49" s="169">
        <v>9.3217207459134907E-2</v>
      </c>
      <c r="X49" s="93">
        <v>7.0944098811184284E-2</v>
      </c>
      <c r="Y49" s="169">
        <v>0.53430145869150436</v>
      </c>
      <c r="Z49" s="93">
        <v>0.11156570428749613</v>
      </c>
      <c r="AA49" s="92">
        <v>8.1177842568226855E-2</v>
      </c>
      <c r="AB49" s="93">
        <v>6.7709183424734198E-2</v>
      </c>
      <c r="AC49" s="165">
        <v>74</v>
      </c>
      <c r="AD49" s="169">
        <v>0.2169296707758479</v>
      </c>
      <c r="AE49" s="93">
        <v>9.5509108620582275E-2</v>
      </c>
      <c r="AF49" s="169">
        <v>8.424909016516402E-2</v>
      </c>
      <c r="AG49" s="93">
        <v>6.958658090426495E-2</v>
      </c>
      <c r="AH49" s="169">
        <v>0.67902823585599403</v>
      </c>
      <c r="AI49" s="93">
        <v>0.10649470781371242</v>
      </c>
      <c r="AJ49" s="92">
        <v>1.9793003202994097E-2</v>
      </c>
      <c r="AK49" s="93">
        <v>4.6655285356336187E-2</v>
      </c>
    </row>
    <row r="50" spans="1:37">
      <c r="A50" s="48" t="s">
        <v>356</v>
      </c>
      <c r="B50" s="167">
        <v>66</v>
      </c>
      <c r="C50" s="170">
        <v>0.39585498081603981</v>
      </c>
      <c r="D50" s="96">
        <v>0.117195310210215</v>
      </c>
      <c r="E50" s="170">
        <v>0.19224097547402993</v>
      </c>
      <c r="F50" s="96">
        <v>9.7335868972562967E-2</v>
      </c>
      <c r="G50" s="170">
        <v>0.36489566565312798</v>
      </c>
      <c r="H50" s="96">
        <v>0.11557886471725662</v>
      </c>
      <c r="I50" s="95">
        <v>4.7008378056802129E-2</v>
      </c>
      <c r="J50" s="96">
        <v>6.2142754867100823E-2</v>
      </c>
      <c r="K50" s="167">
        <v>67</v>
      </c>
      <c r="L50" s="170">
        <v>0.49314586321817111</v>
      </c>
      <c r="M50" s="96">
        <v>0.11866823563224597</v>
      </c>
      <c r="N50" s="170">
        <v>0.21045514526584916</v>
      </c>
      <c r="O50" s="96">
        <v>9.9390825696440921E-2</v>
      </c>
      <c r="P50" s="170">
        <v>0.2669716468616839</v>
      </c>
      <c r="Q50" s="96">
        <v>0.10658435582810361</v>
      </c>
      <c r="R50" s="95">
        <v>2.9427344654295765E-2</v>
      </c>
      <c r="S50" s="96">
        <v>5.4545170118794527E-2</v>
      </c>
      <c r="T50" s="167">
        <v>66</v>
      </c>
      <c r="U50" s="170">
        <v>0.18953014758640005</v>
      </c>
      <c r="V50" s="96">
        <v>9.6897559357130542E-2</v>
      </c>
      <c r="W50" s="170">
        <v>0.16819287011523429</v>
      </c>
      <c r="X50" s="96">
        <v>9.3236083831559208E-2</v>
      </c>
      <c r="Y50" s="170">
        <v>0.60171981039199562</v>
      </c>
      <c r="Z50" s="96">
        <v>0.11730346467569902</v>
      </c>
      <c r="AA50" s="95">
        <v>4.0557171906369767E-2</v>
      </c>
      <c r="AB50" s="96">
        <v>5.9688396426605533E-2</v>
      </c>
      <c r="AC50" s="167">
        <v>67</v>
      </c>
      <c r="AD50" s="170">
        <v>0.12847540197266277</v>
      </c>
      <c r="AE50" s="96">
        <v>8.4614820153991854E-2</v>
      </c>
      <c r="AF50" s="170">
        <v>0.2150828528375949</v>
      </c>
      <c r="AG50" s="96">
        <v>0.10005951900053538</v>
      </c>
      <c r="AH50" s="170">
        <v>0.62701440053544633</v>
      </c>
      <c r="AI50" s="96">
        <v>0.11521783452139886</v>
      </c>
      <c r="AJ50" s="95">
        <v>2.9427344654295765E-2</v>
      </c>
      <c r="AK50" s="96">
        <v>5.4545170118794527E-2</v>
      </c>
    </row>
    <row r="51" spans="1:37">
      <c r="A51" s="56" t="s">
        <v>357</v>
      </c>
      <c r="B51" s="165">
        <v>54</v>
      </c>
      <c r="C51" s="169">
        <v>7.5696923200792229E-2</v>
      </c>
      <c r="D51" s="93">
        <v>8.0491066019394569E-2</v>
      </c>
      <c r="E51" s="169">
        <v>0.16172613086806564</v>
      </c>
      <c r="F51" s="93">
        <v>0.101983729522044</v>
      </c>
      <c r="G51" s="169">
        <v>0.73807433467301353</v>
      </c>
      <c r="H51" s="93">
        <v>0.11769887849442881</v>
      </c>
      <c r="I51" s="92">
        <v>2.4502611258128342E-2</v>
      </c>
      <c r="J51" s="93">
        <v>6.1032922903042588E-2</v>
      </c>
      <c r="K51" s="165">
        <v>53</v>
      </c>
      <c r="L51" s="169">
        <v>0.20981474087737811</v>
      </c>
      <c r="M51" s="93">
        <v>0.11151159870411415</v>
      </c>
      <c r="N51" s="169">
        <v>0.10924365428826249</v>
      </c>
      <c r="O51" s="93">
        <v>9.099365252514087E-2</v>
      </c>
      <c r="P51" s="169">
        <v>0.68094160483435928</v>
      </c>
      <c r="Q51" s="93">
        <v>0.12472959491861417</v>
      </c>
      <c r="R51" s="92">
        <v>0</v>
      </c>
      <c r="S51" s="93">
        <v>4.8743201957104715E-2</v>
      </c>
      <c r="T51" s="165">
        <v>53</v>
      </c>
      <c r="U51" s="169">
        <v>0.15486495433606887</v>
      </c>
      <c r="V51" s="93">
        <v>0.10157135095569572</v>
      </c>
      <c r="W51" s="169">
        <v>0.10672565994914809</v>
      </c>
      <c r="X51" s="93">
        <v>9.0333091248548519E-2</v>
      </c>
      <c r="Y51" s="169">
        <v>0.7384093857147831</v>
      </c>
      <c r="Z51" s="93">
        <v>0.11872375844745059</v>
      </c>
      <c r="AA51" s="92">
        <v>0</v>
      </c>
      <c r="AB51" s="93">
        <v>4.8743201957104715E-2</v>
      </c>
      <c r="AC51" s="165">
        <v>54</v>
      </c>
      <c r="AD51" s="169">
        <v>7.4857493089901486E-2</v>
      </c>
      <c r="AE51" s="93">
        <v>8.0225836362608244E-2</v>
      </c>
      <c r="AF51" s="169">
        <v>5.8106802324015473E-2</v>
      </c>
      <c r="AG51" s="93">
        <v>7.4618750508874856E-2</v>
      </c>
      <c r="AH51" s="169">
        <v>0.86703570458608292</v>
      </c>
      <c r="AI51" s="93">
        <v>9.5853861977071214E-2</v>
      </c>
      <c r="AJ51" s="92">
        <v>0</v>
      </c>
      <c r="AK51" s="93">
        <v>4.7917816122734561E-2</v>
      </c>
    </row>
    <row r="52" spans="1:37">
      <c r="A52" s="48" t="s">
        <v>358</v>
      </c>
      <c r="B52" s="167">
        <v>97</v>
      </c>
      <c r="C52" s="170">
        <v>0.46903479175758156</v>
      </c>
      <c r="D52" s="96">
        <v>9.9327560911722027E-2</v>
      </c>
      <c r="E52" s="170">
        <v>0.17605307825817476</v>
      </c>
      <c r="F52" s="96">
        <v>7.7894572143161922E-2</v>
      </c>
      <c r="G52" s="170">
        <v>0.33543608247068268</v>
      </c>
      <c r="H52" s="96">
        <v>9.4401982879610005E-2</v>
      </c>
      <c r="I52" s="95">
        <v>1.9476047513560746E-2</v>
      </c>
      <c r="J52" s="96">
        <v>3.8292223558088409E-2</v>
      </c>
      <c r="K52" s="167">
        <v>97</v>
      </c>
      <c r="L52" s="170">
        <v>0.51745340104744608</v>
      </c>
      <c r="M52" s="96">
        <v>9.9447788065153406E-2</v>
      </c>
      <c r="N52" s="170">
        <v>0.22689551561583124</v>
      </c>
      <c r="O52" s="96">
        <v>8.4713789781337229E-2</v>
      </c>
      <c r="P52" s="170">
        <v>0.21966794092035083</v>
      </c>
      <c r="Q52" s="96">
        <v>8.3846940977818626E-2</v>
      </c>
      <c r="R52" s="95">
        <v>3.5983142416371787E-2</v>
      </c>
      <c r="S52" s="96">
        <v>4.5120315674070995E-2</v>
      </c>
      <c r="T52" s="167">
        <v>95</v>
      </c>
      <c r="U52" s="170">
        <v>0.31121512599845669</v>
      </c>
      <c r="V52" s="96">
        <v>9.3675146396250186E-2</v>
      </c>
      <c r="W52" s="170">
        <v>0.13314924381549142</v>
      </c>
      <c r="X52" s="96">
        <v>7.1372102969699203E-2</v>
      </c>
      <c r="Y52" s="170">
        <v>0.47192529339613687</v>
      </c>
      <c r="Z52" s="96">
        <v>0.10035778745453963</v>
      </c>
      <c r="AA52" s="95">
        <v>8.3710336789914852E-2</v>
      </c>
      <c r="AB52" s="96">
        <v>6.0444085824495654E-2</v>
      </c>
      <c r="AC52" s="167">
        <v>97</v>
      </c>
      <c r="AD52" s="170">
        <v>0.33055193971440061</v>
      </c>
      <c r="AE52" s="96">
        <v>9.408582320978677E-2</v>
      </c>
      <c r="AF52" s="170">
        <v>0.12282038620057024</v>
      </c>
      <c r="AG52" s="96">
        <v>6.8587119720025888E-2</v>
      </c>
      <c r="AH52" s="170">
        <v>0.5080995598590905</v>
      </c>
      <c r="AI52" s="96">
        <v>9.9491676451819736E-2</v>
      </c>
      <c r="AJ52" s="95">
        <v>3.8528114225938472E-2</v>
      </c>
      <c r="AK52" s="96">
        <v>4.6063885098568735E-2</v>
      </c>
    </row>
    <row r="53" spans="1:37">
      <c r="A53" s="56" t="s">
        <v>359</v>
      </c>
      <c r="B53" s="165">
        <v>114</v>
      </c>
      <c r="C53" s="169">
        <v>0.25153254211248882</v>
      </c>
      <c r="D53" s="93">
        <v>8.0754593412051101E-2</v>
      </c>
      <c r="E53" s="169">
        <v>0.26766307152615249</v>
      </c>
      <c r="F53" s="93">
        <v>8.2259864054686133E-2</v>
      </c>
      <c r="G53" s="169">
        <v>0.43820638596452599</v>
      </c>
      <c r="H53" s="93">
        <v>9.1398928065038396E-2</v>
      </c>
      <c r="I53" s="92">
        <v>4.2598000396831696E-2</v>
      </c>
      <c r="J53" s="93">
        <v>4.3071551248795324E-2</v>
      </c>
      <c r="K53" s="165">
        <v>111</v>
      </c>
      <c r="L53" s="169">
        <v>0.4026799104147793</v>
      </c>
      <c r="M53" s="93">
        <v>9.1590052184016613E-2</v>
      </c>
      <c r="N53" s="169">
        <v>0.2334523313536199</v>
      </c>
      <c r="O53" s="93">
        <v>7.995843064513436E-2</v>
      </c>
      <c r="P53" s="169">
        <v>0.34953464233132614</v>
      </c>
      <c r="Q53" s="93">
        <v>8.9230084627364981E-2</v>
      </c>
      <c r="R53" s="92">
        <v>1.4333115900273762E-2</v>
      </c>
      <c r="S53" s="93">
        <v>3.2437670900433722E-2</v>
      </c>
      <c r="T53" s="165">
        <v>112</v>
      </c>
      <c r="U53" s="169">
        <v>0.23780543804299645</v>
      </c>
      <c r="V53" s="93">
        <v>8.0067508407272017E-2</v>
      </c>
      <c r="W53" s="169">
        <v>0.17161784841662286</v>
      </c>
      <c r="X53" s="93">
        <v>7.1793243775808313E-2</v>
      </c>
      <c r="Y53" s="169">
        <v>0.51698130514823648</v>
      </c>
      <c r="Z53" s="93">
        <v>9.279773696978709E-2</v>
      </c>
      <c r="AA53" s="92">
        <v>7.359540839214343E-2</v>
      </c>
      <c r="AB53" s="93">
        <v>5.2687202839825434E-2</v>
      </c>
      <c r="AC53" s="165">
        <v>112</v>
      </c>
      <c r="AD53" s="169">
        <v>0.15419105184303569</v>
      </c>
      <c r="AE53" s="93">
        <v>6.9112886054673375E-2</v>
      </c>
      <c r="AF53" s="169">
        <v>0.25411597969151478</v>
      </c>
      <c r="AG53" s="93">
        <v>8.1714123637913805E-2</v>
      </c>
      <c r="AH53" s="169">
        <v>0.56890351778863224</v>
      </c>
      <c r="AI53" s="93">
        <v>9.2022127617154226E-2</v>
      </c>
      <c r="AJ53" s="92">
        <v>2.2789450676816911E-2</v>
      </c>
      <c r="AK53" s="93">
        <v>3.60578165358722E-2</v>
      </c>
    </row>
    <row r="54" spans="1:37">
      <c r="A54" s="48" t="s">
        <v>371</v>
      </c>
      <c r="B54" s="167">
        <v>182</v>
      </c>
      <c r="C54" s="170">
        <v>0.27861579380291457</v>
      </c>
      <c r="D54" s="96">
        <v>6.6084723262754302E-2</v>
      </c>
      <c r="E54" s="170">
        <v>0.22877568224346689</v>
      </c>
      <c r="F54" s="96">
        <v>6.2142280765676655E-2</v>
      </c>
      <c r="G54" s="170">
        <v>0.45298702057666018</v>
      </c>
      <c r="H54" s="96">
        <v>7.3012566427049508E-2</v>
      </c>
      <c r="I54" s="95">
        <v>3.9621503376959175E-2</v>
      </c>
      <c r="J54" s="96">
        <v>3.1815893848419728E-2</v>
      </c>
      <c r="K54" s="167">
        <v>181</v>
      </c>
      <c r="L54" s="170">
        <v>0.46756623604857933</v>
      </c>
      <c r="M54" s="96">
        <v>7.3373247774305483E-2</v>
      </c>
      <c r="N54" s="170">
        <v>0.23208196636798256</v>
      </c>
      <c r="O54" s="96">
        <v>6.2608241165456602E-2</v>
      </c>
      <c r="P54" s="170">
        <v>0.24678825039606658</v>
      </c>
      <c r="Q54" s="96">
        <v>6.3862424413028696E-2</v>
      </c>
      <c r="R54" s="95">
        <v>5.3563547187372496E-2</v>
      </c>
      <c r="S54" s="96">
        <v>3.5783111178830977E-2</v>
      </c>
      <c r="T54" s="167">
        <v>182</v>
      </c>
      <c r="U54" s="170">
        <v>0.16665530084380514</v>
      </c>
      <c r="V54" s="96">
        <v>5.5573107843802982E-2</v>
      </c>
      <c r="W54" s="170">
        <v>0.14963560013001018</v>
      </c>
      <c r="X54" s="96">
        <v>5.3373870901647025E-2</v>
      </c>
      <c r="Y54" s="170">
        <v>0.65316748684180936</v>
      </c>
      <c r="Z54" s="96">
        <v>6.9952044294484109E-2</v>
      </c>
      <c r="AA54" s="95">
        <v>3.0541612184375729E-2</v>
      </c>
      <c r="AB54" s="96">
        <v>2.8955318109580994E-2</v>
      </c>
      <c r="AC54" s="167">
        <v>181</v>
      </c>
      <c r="AD54" s="170">
        <v>0.19884186919841895</v>
      </c>
      <c r="AE54" s="96">
        <v>5.9399404666784908E-2</v>
      </c>
      <c r="AF54" s="170">
        <v>0.1874162768106363</v>
      </c>
      <c r="AG54" s="96">
        <v>5.8164905149176431E-2</v>
      </c>
      <c r="AH54" s="170">
        <v>0.53895901760168496</v>
      </c>
      <c r="AI54" s="96">
        <v>7.3307515221844616E-2</v>
      </c>
      <c r="AJ54" s="95">
        <v>7.4782836389260574E-2</v>
      </c>
      <c r="AK54" s="96">
        <v>4.078278156457097E-2</v>
      </c>
    </row>
    <row r="55" spans="1:37">
      <c r="A55" s="56" t="s">
        <v>360</v>
      </c>
      <c r="B55" s="165">
        <v>103</v>
      </c>
      <c r="C55" s="169">
        <v>0.31308709712173727</v>
      </c>
      <c r="D55" s="93">
        <v>9.0197459976277317E-2</v>
      </c>
      <c r="E55" s="169">
        <v>0.20936110392149401</v>
      </c>
      <c r="F55" s="93">
        <v>8.0122935946103466E-2</v>
      </c>
      <c r="G55" s="169">
        <v>0.46939033793265417</v>
      </c>
      <c r="H55" s="93">
        <v>9.650563716791255E-2</v>
      </c>
      <c r="I55" s="92">
        <v>8.1614610241144882E-3</v>
      </c>
      <c r="J55" s="93">
        <v>3.1082137127415529E-2</v>
      </c>
      <c r="K55" s="165">
        <v>103</v>
      </c>
      <c r="L55" s="169">
        <v>0.41315738026252907</v>
      </c>
      <c r="M55" s="93">
        <v>9.5312899543609567E-2</v>
      </c>
      <c r="N55" s="169">
        <v>0.27907391537984333</v>
      </c>
      <c r="O55" s="93">
        <v>8.7493161642288042E-2</v>
      </c>
      <c r="P55" s="169">
        <v>0.24805680561772583</v>
      </c>
      <c r="Q55" s="93">
        <v>8.4539819106763447E-2</v>
      </c>
      <c r="R55" s="92">
        <v>5.9711898739901806E-2</v>
      </c>
      <c r="S55" s="93">
        <v>5.1289613855686235E-2</v>
      </c>
      <c r="T55" s="165">
        <v>103</v>
      </c>
      <c r="U55" s="169">
        <v>0.15846276903071455</v>
      </c>
      <c r="V55" s="93">
        <v>7.2835912467770048E-2</v>
      </c>
      <c r="W55" s="169">
        <v>0.15421988454666938</v>
      </c>
      <c r="X55" s="93">
        <v>7.2139112006381387E-2</v>
      </c>
      <c r="Y55" s="169">
        <v>0.65541704298961434</v>
      </c>
      <c r="Z55" s="93">
        <v>9.2244641730964652E-2</v>
      </c>
      <c r="AA55" s="92">
        <v>3.1900303433001903E-2</v>
      </c>
      <c r="AB55" s="93">
        <v>4.1898435715829081E-2</v>
      </c>
      <c r="AC55" s="165">
        <v>103</v>
      </c>
      <c r="AD55" s="169">
        <v>0.13772850679448101</v>
      </c>
      <c r="AE55" s="93">
        <v>6.9278886501997677E-2</v>
      </c>
      <c r="AF55" s="169">
        <v>0.19899732554205965</v>
      </c>
      <c r="AG55" s="93">
        <v>7.8786307354824323E-2</v>
      </c>
      <c r="AH55" s="169">
        <v>0.58666026651382108</v>
      </c>
      <c r="AI55" s="93">
        <v>9.5318648757701713E-2</v>
      </c>
      <c r="AJ55" s="92">
        <v>7.6613901149638466E-2</v>
      </c>
      <c r="AK55" s="93">
        <v>5.6002671145287168E-2</v>
      </c>
    </row>
    <row r="56" spans="1:37">
      <c r="A56" s="48" t="s">
        <v>370</v>
      </c>
      <c r="B56" s="167">
        <v>293</v>
      </c>
      <c r="C56" s="170">
        <v>0.4067882733830912</v>
      </c>
      <c r="D56" s="96">
        <v>5.7036113520063263E-2</v>
      </c>
      <c r="E56" s="170">
        <v>0.21629538132705989</v>
      </c>
      <c r="F56" s="96">
        <v>4.8083138589410893E-2</v>
      </c>
      <c r="G56" s="170">
        <v>0.3287767354623608</v>
      </c>
      <c r="H56" s="96">
        <v>5.4614285118320997E-2</v>
      </c>
      <c r="I56" s="95">
        <v>4.8139609827487301E-2</v>
      </c>
      <c r="J56" s="96">
        <v>2.6281278703137189E-2</v>
      </c>
      <c r="K56" s="167">
        <v>293</v>
      </c>
      <c r="L56" s="170">
        <v>0.4795600108301889</v>
      </c>
      <c r="M56" s="96">
        <v>5.7978677695459988E-2</v>
      </c>
      <c r="N56" s="170">
        <v>0.20064299266628852</v>
      </c>
      <c r="O56" s="96">
        <v>4.6822681337801514E-2</v>
      </c>
      <c r="P56" s="170">
        <v>0.27847853113082865</v>
      </c>
      <c r="Q56" s="96">
        <v>5.2189906542792083E-2</v>
      </c>
      <c r="R56" s="95">
        <v>4.1318465372693257E-2</v>
      </c>
      <c r="S56" s="96">
        <v>2.4683893784748449E-2</v>
      </c>
      <c r="T56" s="167">
        <v>293</v>
      </c>
      <c r="U56" s="170">
        <v>0.2541334717101838</v>
      </c>
      <c r="V56" s="96">
        <v>5.0740904886953347E-2</v>
      </c>
      <c r="W56" s="170">
        <v>0.1202259890175402</v>
      </c>
      <c r="X56" s="96">
        <v>3.842531375695054E-2</v>
      </c>
      <c r="Y56" s="170">
        <v>0.5840599512116138</v>
      </c>
      <c r="Z56" s="96">
        <v>5.7222229075523101E-2</v>
      </c>
      <c r="AA56" s="95">
        <v>4.1580588060661644E-2</v>
      </c>
      <c r="AB56" s="96">
        <v>2.4747638409139083E-2</v>
      </c>
      <c r="AC56" s="167">
        <v>290</v>
      </c>
      <c r="AD56" s="170">
        <v>0.17977167719089912</v>
      </c>
      <c r="AE56" s="96">
        <v>4.5209295798873346E-2</v>
      </c>
      <c r="AF56" s="170">
        <v>0.17762732991264291</v>
      </c>
      <c r="AG56" s="96">
        <v>4.5007103308983644E-2</v>
      </c>
      <c r="AH56" s="170">
        <v>0.61801421719827143</v>
      </c>
      <c r="AI56" s="96">
        <v>5.671854873412898E-2</v>
      </c>
      <c r="AJ56" s="95">
        <v>2.458677569818616E-2</v>
      </c>
      <c r="AK56" s="96">
        <v>2.0233524707276157E-2</v>
      </c>
    </row>
    <row r="57" spans="1:37">
      <c r="A57" s="56" t="s">
        <v>361</v>
      </c>
      <c r="B57" s="165">
        <v>127</v>
      </c>
      <c r="C57" s="169">
        <v>0.41550225230472015</v>
      </c>
      <c r="D57" s="93">
        <v>8.6189830674505877E-2</v>
      </c>
      <c r="E57" s="169">
        <v>0.19962913618404665</v>
      </c>
      <c r="F57" s="93">
        <v>7.1023704438340468E-2</v>
      </c>
      <c r="G57" s="169">
        <v>0.33825975830326888</v>
      </c>
      <c r="H57" s="93">
        <v>8.2962928466230074E-2</v>
      </c>
      <c r="I57" s="92">
        <v>4.6608853207963999E-2</v>
      </c>
      <c r="J57" s="93">
        <v>4.1644922048616077E-2</v>
      </c>
      <c r="K57" s="165">
        <v>127</v>
      </c>
      <c r="L57" s="169">
        <v>0.52584040913028274</v>
      </c>
      <c r="M57" s="93">
        <v>8.7260674302133134E-2</v>
      </c>
      <c r="N57" s="169">
        <v>0.17139688418917884</v>
      </c>
      <c r="O57" s="93">
        <v>6.7340655331625449E-2</v>
      </c>
      <c r="P57" s="169">
        <v>0.26511723506590551</v>
      </c>
      <c r="Q57" s="93">
        <v>7.7783768448337051E-2</v>
      </c>
      <c r="R57" s="92">
        <v>3.7645471614632303E-2</v>
      </c>
      <c r="S57" s="93">
        <v>3.8713566143318411E-2</v>
      </c>
      <c r="T57" s="165">
        <v>127</v>
      </c>
      <c r="U57" s="169">
        <v>0.25060147686083822</v>
      </c>
      <c r="V57" s="93">
        <v>7.6475977434461495E-2</v>
      </c>
      <c r="W57" s="169">
        <v>0.18006560586909551</v>
      </c>
      <c r="X57" s="93">
        <v>6.8528129075542912E-2</v>
      </c>
      <c r="Y57" s="169">
        <v>0.51613992714205637</v>
      </c>
      <c r="Z57" s="93">
        <v>8.7327613062924109E-2</v>
      </c>
      <c r="AA57" s="92">
        <v>5.319299012800946E-2</v>
      </c>
      <c r="AB57" s="93">
        <v>4.3639364450841607E-2</v>
      </c>
      <c r="AC57" s="165">
        <v>125</v>
      </c>
      <c r="AD57" s="169">
        <v>0.16606537284518161</v>
      </c>
      <c r="AE57" s="93">
        <v>6.7121535376105768E-2</v>
      </c>
      <c r="AF57" s="169">
        <v>0.19467714164499803</v>
      </c>
      <c r="AG57" s="93">
        <v>7.0977566766444761E-2</v>
      </c>
      <c r="AH57" s="169">
        <v>0.63017503356813864</v>
      </c>
      <c r="AI57" s="93">
        <v>8.5197272946303929E-2</v>
      </c>
      <c r="AJ57" s="92">
        <v>9.0824519416813285E-3</v>
      </c>
      <c r="AK57" s="93">
        <v>2.7116734716401865E-2</v>
      </c>
    </row>
    <row r="58" spans="1:37">
      <c r="A58" s="48" t="s">
        <v>375</v>
      </c>
      <c r="B58" s="167">
        <v>112</v>
      </c>
      <c r="C58" s="170">
        <v>0.38192965120938122</v>
      </c>
      <c r="D58" s="96">
        <v>9.0402211923585024E-2</v>
      </c>
      <c r="E58" s="170">
        <v>0.24203011486607159</v>
      </c>
      <c r="F58" s="96">
        <v>8.0507433215566956E-2</v>
      </c>
      <c r="G58" s="170">
        <v>0.30864728958602794</v>
      </c>
      <c r="H58" s="96">
        <v>8.6276586796554616E-2</v>
      </c>
      <c r="I58" s="95">
        <v>6.7392944338518931E-2</v>
      </c>
      <c r="J58" s="96">
        <v>5.1035965104951363E-2</v>
      </c>
      <c r="K58" s="167">
        <v>112</v>
      </c>
      <c r="L58" s="170">
        <v>0.41707734545134778</v>
      </c>
      <c r="M58" s="96">
        <v>9.1649609283414535E-2</v>
      </c>
      <c r="N58" s="170">
        <v>0.20697573680087764</v>
      </c>
      <c r="O58" s="96">
        <v>7.6554304795887998E-2</v>
      </c>
      <c r="P58" s="170">
        <v>0.32674020805540993</v>
      </c>
      <c r="Q58" s="96">
        <v>8.7496920720248172E-2</v>
      </c>
      <c r="R58" s="95">
        <v>4.920670969236432E-2</v>
      </c>
      <c r="S58" s="96">
        <v>4.5697119162513414E-2</v>
      </c>
      <c r="T58" s="167">
        <v>112</v>
      </c>
      <c r="U58" s="170">
        <v>0.22134179453527264</v>
      </c>
      <c r="V58" s="96">
        <v>7.8259619478321565E-2</v>
      </c>
      <c r="W58" s="170">
        <v>6.6046147949726242E-2</v>
      </c>
      <c r="X58" s="96">
        <v>5.0667081679653302E-2</v>
      </c>
      <c r="Y58" s="170">
        <v>0.67854594768785359</v>
      </c>
      <c r="Z58" s="96">
        <v>8.7154632074822214E-2</v>
      </c>
      <c r="AA58" s="95">
        <v>3.4066109827147424E-2</v>
      </c>
      <c r="AB58" s="96">
        <v>4.052223676084718E-2</v>
      </c>
      <c r="AC58" s="167">
        <v>111</v>
      </c>
      <c r="AD58" s="170">
        <v>0.12882268547027004</v>
      </c>
      <c r="AE58" s="96">
        <v>6.5047113510420571E-2</v>
      </c>
      <c r="AF58" s="170">
        <v>0.1689767816882311</v>
      </c>
      <c r="AG58" s="96">
        <v>7.1727446507349468E-2</v>
      </c>
      <c r="AH58" s="170">
        <v>0.65318263407632093</v>
      </c>
      <c r="AI58" s="96">
        <v>8.9080136716289837E-2</v>
      </c>
      <c r="AJ58" s="95">
        <v>4.9017898765177766E-2</v>
      </c>
      <c r="AK58" s="96">
        <v>4.587984116917887E-2</v>
      </c>
    </row>
    <row r="59" spans="1:37">
      <c r="A59" s="56" t="s">
        <v>358</v>
      </c>
      <c r="B59" s="165">
        <v>97</v>
      </c>
      <c r="C59" s="169">
        <v>0.46903479175758156</v>
      </c>
      <c r="D59" s="93">
        <v>9.9327560911722027E-2</v>
      </c>
      <c r="E59" s="169">
        <v>0.17605307825817476</v>
      </c>
      <c r="F59" s="93">
        <v>7.7894572143161922E-2</v>
      </c>
      <c r="G59" s="169">
        <v>0.33543608247068268</v>
      </c>
      <c r="H59" s="93">
        <v>9.4401982879610005E-2</v>
      </c>
      <c r="I59" s="92">
        <v>1.9476047513560746E-2</v>
      </c>
      <c r="J59" s="93">
        <v>3.8292223558088409E-2</v>
      </c>
      <c r="K59" s="165">
        <v>97</v>
      </c>
      <c r="L59" s="169">
        <v>0.51745340104744608</v>
      </c>
      <c r="M59" s="93">
        <v>9.9447788065153406E-2</v>
      </c>
      <c r="N59" s="169">
        <v>0.22689551561583124</v>
      </c>
      <c r="O59" s="93">
        <v>8.4713789781337229E-2</v>
      </c>
      <c r="P59" s="169">
        <v>0.21966794092035083</v>
      </c>
      <c r="Q59" s="93">
        <v>8.3846940977818626E-2</v>
      </c>
      <c r="R59" s="92">
        <v>3.5983142416371787E-2</v>
      </c>
      <c r="S59" s="93">
        <v>4.5120315674070995E-2</v>
      </c>
      <c r="T59" s="165">
        <v>95</v>
      </c>
      <c r="U59" s="169">
        <v>0.31121512599845669</v>
      </c>
      <c r="V59" s="93">
        <v>9.3675146396250186E-2</v>
      </c>
      <c r="W59" s="169">
        <v>0.13314924381549142</v>
      </c>
      <c r="X59" s="93">
        <v>7.1372102969699203E-2</v>
      </c>
      <c r="Y59" s="169">
        <v>0.47192529339613687</v>
      </c>
      <c r="Z59" s="93">
        <v>0.10035778745453963</v>
      </c>
      <c r="AA59" s="92">
        <v>8.3710336789914852E-2</v>
      </c>
      <c r="AB59" s="93">
        <v>6.0444085824495654E-2</v>
      </c>
      <c r="AC59" s="165">
        <v>97</v>
      </c>
      <c r="AD59" s="169">
        <v>0.33055193971440061</v>
      </c>
      <c r="AE59" s="93">
        <v>9.408582320978677E-2</v>
      </c>
      <c r="AF59" s="169">
        <v>0.12282038620057024</v>
      </c>
      <c r="AG59" s="93">
        <v>6.8587119720025888E-2</v>
      </c>
      <c r="AH59" s="169">
        <v>0.5080995598590905</v>
      </c>
      <c r="AI59" s="93">
        <v>9.9491676451819736E-2</v>
      </c>
      <c r="AJ59" s="92">
        <v>3.8528114225938472E-2</v>
      </c>
      <c r="AK59" s="93">
        <v>4.6063885098568735E-2</v>
      </c>
    </row>
    <row r="61" spans="1:37" ht="18.75">
      <c r="A61" s="293" t="s">
        <v>231</v>
      </c>
      <c r="B61" s="293"/>
      <c r="C61" s="293"/>
      <c r="D61" s="293"/>
      <c r="E61" s="293"/>
      <c r="F61" s="293"/>
      <c r="G61" s="293"/>
      <c r="H61" s="293"/>
      <c r="I61" s="293"/>
      <c r="J61" s="293"/>
      <c r="K61" s="293"/>
      <c r="L61" s="293"/>
      <c r="M61" s="294"/>
    </row>
    <row r="62" spans="1:37" ht="62.25" customHeight="1">
      <c r="A62" s="401" t="s">
        <v>602</v>
      </c>
      <c r="B62" s="401"/>
      <c r="C62" s="401"/>
      <c r="D62" s="401"/>
      <c r="E62" s="401"/>
      <c r="F62" s="401"/>
      <c r="G62" s="401"/>
      <c r="H62" s="401"/>
      <c r="I62" s="401"/>
      <c r="J62" s="401"/>
      <c r="K62" s="401"/>
      <c r="L62" s="401"/>
      <c r="M62" s="294"/>
    </row>
    <row r="63" spans="1:37" ht="43.5" customHeight="1">
      <c r="A63" s="389" t="s">
        <v>232</v>
      </c>
      <c r="B63" s="390"/>
      <c r="C63" s="390"/>
      <c r="D63" s="390"/>
      <c r="E63" s="390"/>
      <c r="F63" s="390"/>
      <c r="G63" s="390"/>
      <c r="H63" s="390"/>
      <c r="I63" s="390"/>
      <c r="J63" s="390"/>
      <c r="K63" s="390"/>
      <c r="L63" s="390"/>
    </row>
    <row r="64" spans="1:37" ht="72">
      <c r="A64" s="36" t="s">
        <v>70</v>
      </c>
      <c r="B64" s="37" t="s">
        <v>71</v>
      </c>
      <c r="C64" s="38" t="s">
        <v>594</v>
      </c>
      <c r="D64" s="39" t="s">
        <v>72</v>
      </c>
      <c r="E64" s="37" t="s">
        <v>156</v>
      </c>
      <c r="F64" s="88" t="s">
        <v>84</v>
      </c>
      <c r="G64" s="37" t="s">
        <v>157</v>
      </c>
      <c r="H64" s="88" t="s">
        <v>85</v>
      </c>
      <c r="I64" s="37" t="s">
        <v>158</v>
      </c>
      <c r="J64" s="88" t="s">
        <v>86</v>
      </c>
      <c r="K64" s="37" t="s">
        <v>301</v>
      </c>
      <c r="L64" s="88" t="s">
        <v>300</v>
      </c>
    </row>
    <row r="65" spans="1:12" ht="84">
      <c r="A65" s="40"/>
      <c r="B65" s="41" t="s">
        <v>73</v>
      </c>
      <c r="C65" s="127" t="s">
        <v>305</v>
      </c>
      <c r="D65" s="43" t="s">
        <v>75</v>
      </c>
      <c r="E65" s="41" t="s">
        <v>159</v>
      </c>
      <c r="F65" s="90" t="s">
        <v>125</v>
      </c>
      <c r="G65" s="41" t="s">
        <v>160</v>
      </c>
      <c r="H65" s="90" t="s">
        <v>126</v>
      </c>
      <c r="I65" s="41" t="s">
        <v>161</v>
      </c>
      <c r="J65" s="90" t="s">
        <v>127</v>
      </c>
      <c r="K65" s="41" t="s">
        <v>301</v>
      </c>
      <c r="L65" s="90" t="s">
        <v>87</v>
      </c>
    </row>
    <row r="66" spans="1:12">
      <c r="A66" s="44" t="s">
        <v>349</v>
      </c>
      <c r="B66" s="165">
        <v>13859</v>
      </c>
      <c r="C66" s="166">
        <v>3.3104475129063768</v>
      </c>
      <c r="D66" s="85">
        <v>3.1669094122717165E-2</v>
      </c>
      <c r="E66" s="169">
        <v>0.54255580172524498</v>
      </c>
      <c r="F66" s="93">
        <v>8.4624003210506289E-3</v>
      </c>
      <c r="G66" s="169">
        <v>0.16628583039147191</v>
      </c>
      <c r="H66" s="93">
        <v>6.3261315830269163E-3</v>
      </c>
      <c r="I66" s="169">
        <v>0.26549245322642018</v>
      </c>
      <c r="J66" s="93">
        <v>7.5017214885631477E-3</v>
      </c>
      <c r="K66" s="92">
        <v>2.5665914656880798E-2</v>
      </c>
      <c r="L66" s="93">
        <v>2.6931346045782818E-3</v>
      </c>
    </row>
    <row r="67" spans="1:12">
      <c r="A67" s="48" t="s">
        <v>350</v>
      </c>
      <c r="B67" s="48">
        <v>10148</v>
      </c>
      <c r="C67" s="168">
        <v>3.4470646227759301</v>
      </c>
      <c r="D67" s="86">
        <v>3.72271457207521E-2</v>
      </c>
      <c r="E67" s="170">
        <v>0.5244856515499543</v>
      </c>
      <c r="F67" s="96">
        <v>9.9129569760614822E-3</v>
      </c>
      <c r="G67" s="170">
        <v>0.1647192407221065</v>
      </c>
      <c r="H67" s="96">
        <v>7.3651624716830916E-3</v>
      </c>
      <c r="I67" s="170">
        <v>0.29293758002893078</v>
      </c>
      <c r="J67" s="96">
        <v>9.0345395787262538E-3</v>
      </c>
      <c r="K67" s="95">
        <v>1.7857527699007364E-2</v>
      </c>
      <c r="L67" s="96">
        <v>2.6424569630790979E-3</v>
      </c>
    </row>
    <row r="68" spans="1:12">
      <c r="A68" s="44" t="s">
        <v>351</v>
      </c>
      <c r="B68" s="52">
        <v>3711</v>
      </c>
      <c r="C68" s="166">
        <v>3.1985662589926283</v>
      </c>
      <c r="D68" s="85">
        <v>5.8462623801175992E-2</v>
      </c>
      <c r="E68" s="169">
        <v>0.55714155715338731</v>
      </c>
      <c r="F68" s="93">
        <v>1.629941481269119E-2</v>
      </c>
      <c r="G68" s="169">
        <v>0.1675503408438978</v>
      </c>
      <c r="H68" s="93">
        <v>1.2265132901639974E-2</v>
      </c>
      <c r="I68" s="169">
        <v>0.24333946039829146</v>
      </c>
      <c r="J68" s="93">
        <v>1.4085573792214508E-2</v>
      </c>
      <c r="K68" s="92">
        <v>3.1968641604423968E-2</v>
      </c>
      <c r="L68" s="93">
        <v>5.8162171860015096E-3</v>
      </c>
    </row>
    <row r="69" spans="1:12">
      <c r="A69" s="48" t="s">
        <v>558</v>
      </c>
      <c r="B69" s="48">
        <v>334</v>
      </c>
      <c r="C69" s="168">
        <v>3.1811366452314251</v>
      </c>
      <c r="D69" s="86">
        <v>0.19274769859391425</v>
      </c>
      <c r="E69" s="170">
        <v>0.55836277808046297</v>
      </c>
      <c r="F69" s="96">
        <v>5.4029789015243794E-2</v>
      </c>
      <c r="G69" s="170">
        <v>0.14065129169299984</v>
      </c>
      <c r="H69" s="96">
        <v>3.8292982587247962E-2</v>
      </c>
      <c r="I69" s="170">
        <v>0.2752161808971082</v>
      </c>
      <c r="J69" s="96">
        <v>4.8730763965664857E-2</v>
      </c>
      <c r="K69" s="95">
        <v>2.5769749329429447E-2</v>
      </c>
      <c r="L69" s="96">
        <v>1.8966527782854598E-2</v>
      </c>
    </row>
    <row r="70" spans="1:12">
      <c r="A70" s="44" t="s">
        <v>559</v>
      </c>
      <c r="B70" s="52">
        <v>3596</v>
      </c>
      <c r="C70" s="166">
        <v>3.3899012116513751</v>
      </c>
      <c r="D70" s="85">
        <v>6.2471531666729925E-2</v>
      </c>
      <c r="E70" s="169">
        <v>0.53129022950129556</v>
      </c>
      <c r="F70" s="93">
        <v>1.6634071328281919E-2</v>
      </c>
      <c r="G70" s="169">
        <v>0.1741661201941124</v>
      </c>
      <c r="H70" s="93">
        <v>1.2652100394791558E-2</v>
      </c>
      <c r="I70" s="169">
        <v>0.27724901340250097</v>
      </c>
      <c r="J70" s="93">
        <v>1.4925451749715683E-2</v>
      </c>
      <c r="K70" s="92">
        <v>1.7294636902103838E-2</v>
      </c>
      <c r="L70" s="93">
        <v>4.4112271513073861E-3</v>
      </c>
    </row>
    <row r="71" spans="1:12">
      <c r="A71" s="48" t="s">
        <v>560</v>
      </c>
      <c r="B71" s="48">
        <v>2944</v>
      </c>
      <c r="C71" s="168">
        <v>3.5447112849902145</v>
      </c>
      <c r="D71" s="86">
        <v>6.9080098140541238E-2</v>
      </c>
      <c r="E71" s="170">
        <v>0.51293041608932766</v>
      </c>
      <c r="F71" s="96">
        <v>1.8411593662951743E-2</v>
      </c>
      <c r="G71" s="170">
        <v>0.16425576426357782</v>
      </c>
      <c r="H71" s="96">
        <v>1.3663006574205282E-2</v>
      </c>
      <c r="I71" s="170">
        <v>0.30956381150824475</v>
      </c>
      <c r="J71" s="96">
        <v>1.7033465599170145E-2</v>
      </c>
      <c r="K71" s="95">
        <v>1.3250008138845906E-2</v>
      </c>
      <c r="L71" s="96">
        <v>4.3141487438347319E-3</v>
      </c>
    </row>
    <row r="72" spans="1:12">
      <c r="A72" s="44" t="s">
        <v>368</v>
      </c>
      <c r="B72" s="52">
        <v>158</v>
      </c>
      <c r="C72" s="166">
        <v>3.2670880946833285</v>
      </c>
      <c r="D72" s="85">
        <v>0.28849792043827804</v>
      </c>
      <c r="E72" s="169">
        <v>0.57801307168466631</v>
      </c>
      <c r="F72" s="93">
        <v>7.7652406156323767E-2</v>
      </c>
      <c r="G72" s="169">
        <v>0.15129944125377406</v>
      </c>
      <c r="H72" s="93">
        <v>5.7593367515650369E-2</v>
      </c>
      <c r="I72" s="169">
        <v>0.26147235514754691</v>
      </c>
      <c r="J72" s="93">
        <v>6.9545176154313562E-2</v>
      </c>
      <c r="K72" s="92">
        <v>9.2151319140128911E-3</v>
      </c>
      <c r="L72" s="93">
        <v>2.2704852424088387E-2</v>
      </c>
    </row>
    <row r="73" spans="1:12">
      <c r="A73" s="48" t="s">
        <v>150</v>
      </c>
      <c r="B73" s="48">
        <v>268</v>
      </c>
      <c r="C73" s="168">
        <v>3.9052052101367019</v>
      </c>
      <c r="D73" s="86">
        <v>0.23489623288835493</v>
      </c>
      <c r="E73" s="170">
        <v>0.38794174346325716</v>
      </c>
      <c r="F73" s="96">
        <v>5.9137123380922155E-2</v>
      </c>
      <c r="G73" s="170">
        <v>0.18713153043469508</v>
      </c>
      <c r="H73" s="96">
        <v>4.7738745434550416E-2</v>
      </c>
      <c r="I73" s="170">
        <v>0.37902779552778754</v>
      </c>
      <c r="J73" s="96">
        <v>5.8885854279132573E-2</v>
      </c>
      <c r="K73" s="95">
        <v>4.5898930574259166E-2</v>
      </c>
      <c r="L73" s="96">
        <v>2.7065432256779258E-2</v>
      </c>
    </row>
    <row r="74" spans="1:12">
      <c r="A74" s="44" t="s">
        <v>352</v>
      </c>
      <c r="B74" s="52">
        <v>118</v>
      </c>
      <c r="C74" s="166">
        <v>3.9966008576525587</v>
      </c>
      <c r="D74" s="85">
        <v>0.35009080173252605</v>
      </c>
      <c r="E74" s="169">
        <v>0.33967117357857274</v>
      </c>
      <c r="F74" s="93">
        <v>8.6071382933584475E-2</v>
      </c>
      <c r="G74" s="169">
        <v>0.19222688052598599</v>
      </c>
      <c r="H74" s="93">
        <v>7.2741471085259843E-2</v>
      </c>
      <c r="I74" s="169">
        <v>0.41604573869006523</v>
      </c>
      <c r="J74" s="93">
        <v>8.9333835125220737E-2</v>
      </c>
      <c r="K74" s="92">
        <v>5.2056207205374572E-2</v>
      </c>
      <c r="L74" s="93">
        <v>4.5191133510456283E-2</v>
      </c>
    </row>
    <row r="75" spans="1:12">
      <c r="A75" s="48" t="s">
        <v>353</v>
      </c>
      <c r="B75" s="48">
        <v>115</v>
      </c>
      <c r="C75" s="168">
        <v>3.9880641363250633</v>
      </c>
      <c r="D75" s="86">
        <v>0.35838757956357947</v>
      </c>
      <c r="E75" s="170">
        <v>0.36733913794827083</v>
      </c>
      <c r="F75" s="96">
        <v>8.8605315191315606E-2</v>
      </c>
      <c r="G75" s="170">
        <v>0.18802210249116658</v>
      </c>
      <c r="H75" s="96">
        <v>7.3130027835045103E-2</v>
      </c>
      <c r="I75" s="170">
        <v>0.39649337859072853</v>
      </c>
      <c r="J75" s="96">
        <v>8.9816716791061707E-2</v>
      </c>
      <c r="K75" s="95">
        <v>4.8145380969832702E-2</v>
      </c>
      <c r="L75" s="96">
        <v>4.4654642981734403E-2</v>
      </c>
    </row>
    <row r="76" spans="1:12">
      <c r="A76" s="44" t="s">
        <v>369</v>
      </c>
      <c r="B76" s="165">
        <v>421</v>
      </c>
      <c r="C76" s="166">
        <v>3.8309382486465786</v>
      </c>
      <c r="D76" s="85">
        <v>0.17613891219412167</v>
      </c>
      <c r="E76" s="169">
        <v>0.44299286790274706</v>
      </c>
      <c r="F76" s="93">
        <v>4.8196760639985993E-2</v>
      </c>
      <c r="G76" s="169">
        <v>0.18630935089678516</v>
      </c>
      <c r="H76" s="93">
        <v>3.8002071735230444E-2</v>
      </c>
      <c r="I76" s="169">
        <v>0.35826409594351483</v>
      </c>
      <c r="J76" s="93">
        <v>4.6555449658327072E-2</v>
      </c>
      <c r="K76" s="92">
        <v>1.243368525695387E-2</v>
      </c>
      <c r="L76" s="93">
        <v>1.2549301424049294E-2</v>
      </c>
    </row>
    <row r="77" spans="1:12">
      <c r="A77" s="48" t="s">
        <v>354</v>
      </c>
      <c r="B77" s="167">
        <v>70</v>
      </c>
      <c r="C77" s="168">
        <v>4.5338952621192448</v>
      </c>
      <c r="D77" s="86">
        <v>0.42792103133510229</v>
      </c>
      <c r="E77" s="170">
        <v>0.28211481808649291</v>
      </c>
      <c r="F77" s="96">
        <v>0.10591165501594464</v>
      </c>
      <c r="G77" s="170">
        <v>0.20645249555645848</v>
      </c>
      <c r="H77" s="96">
        <v>9.6672693184982339E-2</v>
      </c>
      <c r="I77" s="170">
        <v>0.49386541818037366</v>
      </c>
      <c r="J77" s="96">
        <v>0.11623980929249893</v>
      </c>
      <c r="K77" s="95">
        <v>1.7567268176675685E-2</v>
      </c>
      <c r="L77" s="96">
        <v>4.7499560256864692E-2</v>
      </c>
    </row>
    <row r="78" spans="1:12">
      <c r="A78" s="44" t="s">
        <v>355</v>
      </c>
      <c r="B78" s="82">
        <v>76</v>
      </c>
      <c r="C78" s="166">
        <v>3.7587556484914897</v>
      </c>
      <c r="D78" s="85">
        <v>0.42788426961863019</v>
      </c>
      <c r="E78" s="169">
        <v>0.47170472415289777</v>
      </c>
      <c r="F78" s="93">
        <v>0.11164171220284884</v>
      </c>
      <c r="G78" s="169">
        <v>0.18950487521078827</v>
      </c>
      <c r="H78" s="93">
        <v>9.0275268395509062E-2</v>
      </c>
      <c r="I78" s="169">
        <v>0.29521240854339559</v>
      </c>
      <c r="J78" s="93">
        <v>0.10299295928674594</v>
      </c>
      <c r="K78" s="92">
        <v>4.357799209291828E-2</v>
      </c>
      <c r="L78" s="93">
        <v>5.567326692632929E-2</v>
      </c>
    </row>
    <row r="79" spans="1:12">
      <c r="A79" s="48" t="s">
        <v>356</v>
      </c>
      <c r="B79" s="167">
        <v>66</v>
      </c>
      <c r="C79" s="168">
        <v>3.7929291633043269</v>
      </c>
      <c r="D79" s="86">
        <v>0.45561831428874872</v>
      </c>
      <c r="E79" s="170">
        <v>0.44136040905549423</v>
      </c>
      <c r="F79" s="96">
        <v>0.11878988733531771</v>
      </c>
      <c r="G79" s="170">
        <v>0.1849871859194088</v>
      </c>
      <c r="H79" s="96">
        <v>9.6149830469106828E-2</v>
      </c>
      <c r="I79" s="170">
        <v>0.37365240502509678</v>
      </c>
      <c r="J79" s="96">
        <v>0.11608090365210548</v>
      </c>
      <c r="K79" s="95">
        <v>0</v>
      </c>
      <c r="L79" s="96">
        <v>3.9824688710695409E-2</v>
      </c>
    </row>
    <row r="80" spans="1:12">
      <c r="A80" s="56" t="s">
        <v>357</v>
      </c>
      <c r="B80" s="165">
        <v>52</v>
      </c>
      <c r="C80" s="166">
        <v>3.9440227179745437</v>
      </c>
      <c r="D80" s="85">
        <v>0.47735809479585734</v>
      </c>
      <c r="E80" s="169">
        <v>0.43565076285924964</v>
      </c>
      <c r="F80" s="93">
        <v>0.13267295863896206</v>
      </c>
      <c r="G80" s="169">
        <v>0.13441981307012124</v>
      </c>
      <c r="H80" s="93">
        <v>9.8111431208344507E-2</v>
      </c>
      <c r="I80" s="169">
        <v>0.42992942407062912</v>
      </c>
      <c r="J80" s="93">
        <v>0.13249433308158842</v>
      </c>
      <c r="K80" s="92">
        <v>0</v>
      </c>
      <c r="L80" s="93">
        <v>4.9597505344958111E-2</v>
      </c>
    </row>
    <row r="81" spans="1:12">
      <c r="A81" s="48" t="s">
        <v>358</v>
      </c>
      <c r="B81" s="167">
        <v>98</v>
      </c>
      <c r="C81" s="168">
        <v>4.0169546269905654</v>
      </c>
      <c r="D81" s="86">
        <v>0.37099358263095289</v>
      </c>
      <c r="E81" s="170">
        <v>0.4591312313317012</v>
      </c>
      <c r="F81" s="96">
        <v>9.8708955352087416E-2</v>
      </c>
      <c r="G81" s="170">
        <v>7.5304907865067466E-2</v>
      </c>
      <c r="H81" s="96">
        <v>5.7224376451071396E-2</v>
      </c>
      <c r="I81" s="170">
        <v>0.45400869990889042</v>
      </c>
      <c r="J81" s="96">
        <v>9.8627332931104053E-2</v>
      </c>
      <c r="K81" s="95">
        <v>1.1555160894340581E-2</v>
      </c>
      <c r="L81" s="96">
        <v>3.4166125258571468E-2</v>
      </c>
    </row>
    <row r="82" spans="1:12">
      <c r="A82" s="56" t="s">
        <v>359</v>
      </c>
      <c r="B82" s="165">
        <v>113</v>
      </c>
      <c r="C82" s="166">
        <v>3.5064704595293161</v>
      </c>
      <c r="D82" s="85">
        <v>0.32185455043056449</v>
      </c>
      <c r="E82" s="169">
        <v>0.49254166935054733</v>
      </c>
      <c r="F82" s="93">
        <v>9.2440438078642093E-2</v>
      </c>
      <c r="G82" s="169">
        <v>0.21418350209240131</v>
      </c>
      <c r="H82" s="93">
        <v>7.7083407251536881E-2</v>
      </c>
      <c r="I82" s="169">
        <v>0.29327482855705039</v>
      </c>
      <c r="J82" s="93">
        <v>8.4759453519465386E-2</v>
      </c>
      <c r="K82" s="92">
        <v>0</v>
      </c>
      <c r="L82" s="93">
        <v>2.3967079753657358E-2</v>
      </c>
    </row>
    <row r="83" spans="1:12">
      <c r="A83" s="48" t="s">
        <v>371</v>
      </c>
      <c r="B83" s="167">
        <v>182</v>
      </c>
      <c r="C83" s="168">
        <v>3.9346322236398561</v>
      </c>
      <c r="D83" s="86">
        <v>0.2654214434783187</v>
      </c>
      <c r="E83" s="170">
        <v>0.42096634726221893</v>
      </c>
      <c r="F83" s="96">
        <v>7.2441218555533968E-2</v>
      </c>
      <c r="G83" s="170">
        <v>0.17356454871547985</v>
      </c>
      <c r="H83" s="96">
        <v>5.6411286213864709E-2</v>
      </c>
      <c r="I83" s="170">
        <v>0.39188471119811097</v>
      </c>
      <c r="J83" s="96">
        <v>7.1663554943887167E-2</v>
      </c>
      <c r="K83" s="95">
        <v>1.3584392824191202E-2</v>
      </c>
      <c r="L83" s="96">
        <v>2.2464683972107338E-2</v>
      </c>
    </row>
    <row r="84" spans="1:12">
      <c r="A84" s="56" t="s">
        <v>360</v>
      </c>
      <c r="B84" s="165">
        <v>103</v>
      </c>
      <c r="C84" s="166">
        <v>4.1701153058687783</v>
      </c>
      <c r="D84" s="85">
        <v>0.33787010810550444</v>
      </c>
      <c r="E84" s="169">
        <v>0.35423062251262716</v>
      </c>
      <c r="F84" s="93">
        <v>9.2788631710773589E-2</v>
      </c>
      <c r="G84" s="169">
        <v>0.18756217826335375</v>
      </c>
      <c r="H84" s="93">
        <v>7.7228797999641718E-2</v>
      </c>
      <c r="I84" s="169">
        <v>0.45820719922401909</v>
      </c>
      <c r="J84" s="93">
        <v>9.6360210240321598E-2</v>
      </c>
      <c r="K84" s="92">
        <v>0</v>
      </c>
      <c r="L84" s="93">
        <v>2.6185687246820841E-2</v>
      </c>
    </row>
    <row r="85" spans="1:12">
      <c r="A85" s="48" t="s">
        <v>370</v>
      </c>
      <c r="B85" s="167">
        <v>291</v>
      </c>
      <c r="C85" s="168">
        <v>3.8491977628395828</v>
      </c>
      <c r="D85" s="86">
        <v>0.22383369386283353</v>
      </c>
      <c r="E85" s="170">
        <v>0.4388081283961201</v>
      </c>
      <c r="F85" s="96">
        <v>5.7796417775230757E-2</v>
      </c>
      <c r="G85" s="170">
        <v>0.16880413671750813</v>
      </c>
      <c r="H85" s="96">
        <v>4.40744817956049E-2</v>
      </c>
      <c r="I85" s="170">
        <v>0.38266898080330491</v>
      </c>
      <c r="J85" s="96">
        <v>5.6640912510407294E-2</v>
      </c>
      <c r="K85" s="95">
        <v>9.7187540830662462E-3</v>
      </c>
      <c r="L85" s="96">
        <v>1.4774585889337477E-2</v>
      </c>
    </row>
    <row r="86" spans="1:12">
      <c r="A86" s="56" t="s">
        <v>361</v>
      </c>
      <c r="B86" s="165">
        <v>126</v>
      </c>
      <c r="C86" s="166">
        <v>3.9033063178592142</v>
      </c>
      <c r="D86" s="85">
        <v>0.35530016486360211</v>
      </c>
      <c r="E86" s="169">
        <v>0.43862571479500956</v>
      </c>
      <c r="F86" s="93">
        <v>8.7082884331950952E-2</v>
      </c>
      <c r="G86" s="169">
        <v>0.14891460152401309</v>
      </c>
      <c r="H86" s="93">
        <v>6.4260919066392835E-2</v>
      </c>
      <c r="I86" s="169">
        <v>0.40078454844318206</v>
      </c>
      <c r="J86" s="93">
        <v>8.6068441674686316E-2</v>
      </c>
      <c r="K86" s="92">
        <v>1.1675135237794841E-2</v>
      </c>
      <c r="L86" s="93">
        <v>2.8277524727815421E-2</v>
      </c>
    </row>
    <row r="87" spans="1:12">
      <c r="A87" s="48" t="s">
        <v>375</v>
      </c>
      <c r="B87" s="167">
        <v>111</v>
      </c>
      <c r="C87" s="168">
        <v>3.7368370977072782</v>
      </c>
      <c r="D87" s="86">
        <v>0.35931430641409667</v>
      </c>
      <c r="E87" s="170">
        <v>0.43141481813107851</v>
      </c>
      <c r="F87" s="96">
        <v>9.2429547617580932E-2</v>
      </c>
      <c r="G87" s="170">
        <v>0.23304331169137918</v>
      </c>
      <c r="H87" s="96">
        <v>7.991420028636069E-2</v>
      </c>
      <c r="I87" s="170">
        <v>0.32414765169642906</v>
      </c>
      <c r="J87" s="96">
        <v>8.7712926400213456E-2</v>
      </c>
      <c r="K87" s="95">
        <v>1.1394218481113015E-2</v>
      </c>
      <c r="L87" s="96">
        <v>3.0974466559103023E-2</v>
      </c>
    </row>
    <row r="88" spans="1:12">
      <c r="A88" s="56" t="s">
        <v>358</v>
      </c>
      <c r="B88" s="165">
        <v>98</v>
      </c>
      <c r="C88" s="166">
        <v>4.0169546269905654</v>
      </c>
      <c r="D88" s="85">
        <v>0.37099358263095289</v>
      </c>
      <c r="E88" s="169">
        <v>0.4591312313317012</v>
      </c>
      <c r="F88" s="93">
        <v>9.8708955352087416E-2</v>
      </c>
      <c r="G88" s="169">
        <v>7.5304907865067466E-2</v>
      </c>
      <c r="H88" s="93">
        <v>5.7224376451071396E-2</v>
      </c>
      <c r="I88" s="169">
        <v>0.45400869990889042</v>
      </c>
      <c r="J88" s="93">
        <v>9.8627332931104053E-2</v>
      </c>
      <c r="K88" s="92">
        <v>1.1555160894340581E-2</v>
      </c>
      <c r="L88" s="93">
        <v>3.4166125258571468E-2</v>
      </c>
    </row>
    <row r="90" spans="1:12" ht="18.75">
      <c r="A90" s="340" t="s">
        <v>43</v>
      </c>
      <c r="B90" s="340"/>
      <c r="C90" s="340"/>
      <c r="D90" s="340"/>
    </row>
    <row r="91" spans="1:12" ht="131.25" customHeight="1">
      <c r="A91" s="361" t="s">
        <v>406</v>
      </c>
      <c r="B91" s="361"/>
      <c r="C91" s="361"/>
      <c r="D91" s="361"/>
    </row>
    <row r="92" spans="1:12" ht="39" customHeight="1">
      <c r="A92" s="402" t="s">
        <v>407</v>
      </c>
      <c r="B92" s="385"/>
      <c r="C92" s="385"/>
      <c r="D92" s="385"/>
    </row>
    <row r="93" spans="1:12" ht="72">
      <c r="A93" s="36" t="s">
        <v>70</v>
      </c>
      <c r="B93" s="37" t="s">
        <v>71</v>
      </c>
      <c r="C93" s="38" t="s">
        <v>594</v>
      </c>
      <c r="D93" s="39" t="s">
        <v>72</v>
      </c>
    </row>
    <row r="94" spans="1:12" ht="72">
      <c r="A94" s="40"/>
      <c r="B94" s="41" t="s">
        <v>73</v>
      </c>
      <c r="C94" s="42" t="s">
        <v>408</v>
      </c>
      <c r="D94" s="43" t="s">
        <v>75</v>
      </c>
    </row>
    <row r="95" spans="1:12">
      <c r="A95" s="44" t="s">
        <v>349</v>
      </c>
      <c r="B95" s="155">
        <v>11256</v>
      </c>
      <c r="C95" s="83">
        <v>3.8226257740196408</v>
      </c>
      <c r="D95" s="84">
        <v>2.5223193844769246E-2</v>
      </c>
    </row>
    <row r="96" spans="1:12">
      <c r="A96" s="48" t="s">
        <v>350</v>
      </c>
      <c r="B96" s="48">
        <v>7943</v>
      </c>
      <c r="C96" s="157">
        <v>3.7928635880880677</v>
      </c>
      <c r="D96" s="158">
        <v>3.0618100296178771E-2</v>
      </c>
    </row>
    <row r="97" spans="1:4">
      <c r="A97" s="44" t="s">
        <v>351</v>
      </c>
      <c r="B97" s="52">
        <v>3313</v>
      </c>
      <c r="C97" s="83">
        <v>3.8457865537807923</v>
      </c>
      <c r="D97" s="84">
        <v>4.4179949484180525E-2</v>
      </c>
    </row>
    <row r="98" spans="1:4">
      <c r="A98" s="48" t="s">
        <v>558</v>
      </c>
      <c r="B98" s="48">
        <v>294</v>
      </c>
      <c r="C98" s="157">
        <v>3.7599467197520435</v>
      </c>
      <c r="D98" s="158">
        <v>0.13942015948390621</v>
      </c>
    </row>
    <row r="99" spans="1:4">
      <c r="A99" s="44" t="s">
        <v>559</v>
      </c>
      <c r="B99" s="52">
        <v>2942</v>
      </c>
      <c r="C99" s="83">
        <v>3.8635130979533043</v>
      </c>
      <c r="D99" s="84">
        <v>5.0162453617360964E-2</v>
      </c>
    </row>
    <row r="100" spans="1:4">
      <c r="A100" s="48" t="s">
        <v>560</v>
      </c>
      <c r="B100" s="48">
        <v>2356</v>
      </c>
      <c r="C100" s="157">
        <v>3.8159655193403248</v>
      </c>
      <c r="D100" s="158">
        <v>5.6628638711594001E-2</v>
      </c>
    </row>
    <row r="101" spans="1:4">
      <c r="A101" s="44" t="s">
        <v>368</v>
      </c>
      <c r="B101" s="52">
        <v>138</v>
      </c>
      <c r="C101" s="83">
        <v>3.8623073170136157</v>
      </c>
      <c r="D101" s="84">
        <v>0.22651807432384855</v>
      </c>
    </row>
    <row r="102" spans="1:4">
      <c r="A102" s="48" t="s">
        <v>150</v>
      </c>
      <c r="B102" s="48">
        <v>190</v>
      </c>
      <c r="C102" s="157">
        <v>4.0573226100240971</v>
      </c>
      <c r="D102" s="158">
        <v>0.22422124659526513</v>
      </c>
    </row>
    <row r="103" spans="1:4">
      <c r="A103" s="44" t="s">
        <v>352</v>
      </c>
      <c r="B103" s="52">
        <v>75</v>
      </c>
      <c r="C103" s="83">
        <v>3.8691463103009482</v>
      </c>
      <c r="D103" s="84">
        <v>0.37423199348124275</v>
      </c>
    </row>
    <row r="104" spans="1:4">
      <c r="A104" s="48" t="s">
        <v>353</v>
      </c>
      <c r="B104" s="48">
        <v>86</v>
      </c>
      <c r="C104" s="157">
        <v>4.2821543473448536</v>
      </c>
      <c r="D104" s="158">
        <v>0.33950400792845525</v>
      </c>
    </row>
    <row r="105" spans="1:4">
      <c r="A105" s="44" t="s">
        <v>369</v>
      </c>
      <c r="B105" s="155">
        <v>341</v>
      </c>
      <c r="C105" s="83">
        <v>3.6338162880580502</v>
      </c>
      <c r="D105" s="84">
        <v>0.14815792553390547</v>
      </c>
    </row>
    <row r="106" spans="1:4">
      <c r="A106" s="48" t="s">
        <v>354</v>
      </c>
      <c r="B106" s="156">
        <v>52</v>
      </c>
      <c r="C106" s="157">
        <v>3.7046396761718281</v>
      </c>
      <c r="D106" s="158">
        <v>0.43330173532164262</v>
      </c>
    </row>
    <row r="107" spans="1:4">
      <c r="A107" s="44" t="s">
        <v>355</v>
      </c>
      <c r="B107" s="82">
        <v>64</v>
      </c>
      <c r="C107" s="83">
        <v>3.4411247737265107</v>
      </c>
      <c r="D107" s="84">
        <v>0.33537589073806245</v>
      </c>
    </row>
    <row r="108" spans="1:4">
      <c r="A108" s="48" t="s">
        <v>356</v>
      </c>
      <c r="B108" s="156">
        <v>55</v>
      </c>
      <c r="C108" s="157">
        <v>3.4654239479979405</v>
      </c>
      <c r="D108" s="158">
        <v>0.36850665730842797</v>
      </c>
    </row>
    <row r="109" spans="1:4">
      <c r="A109" s="56" t="s">
        <v>357</v>
      </c>
      <c r="B109" s="155">
        <v>42</v>
      </c>
      <c r="C109" s="83">
        <v>4.0562259234358846</v>
      </c>
      <c r="D109" s="84">
        <v>0.40075211584708681</v>
      </c>
    </row>
    <row r="110" spans="1:4">
      <c r="A110" s="48" t="s">
        <v>358</v>
      </c>
      <c r="B110" s="156">
        <v>76</v>
      </c>
      <c r="C110" s="157">
        <v>3.8555127925644448</v>
      </c>
      <c r="D110" s="158">
        <v>0.34372064441840694</v>
      </c>
    </row>
    <row r="111" spans="1:4">
      <c r="A111" s="56" t="s">
        <v>359</v>
      </c>
      <c r="B111" s="155">
        <v>98</v>
      </c>
      <c r="C111" s="83">
        <v>3.624091849608738</v>
      </c>
      <c r="D111" s="84">
        <v>0.25420833695929518</v>
      </c>
    </row>
    <row r="112" spans="1:4">
      <c r="A112" s="48" t="s">
        <v>371</v>
      </c>
      <c r="B112" s="156">
        <v>152</v>
      </c>
      <c r="C112" s="157">
        <v>3.8075978808518176</v>
      </c>
      <c r="D112" s="158">
        <v>0.20566569934888687</v>
      </c>
    </row>
    <row r="113" spans="1:34">
      <c r="A113" s="56" t="s">
        <v>360</v>
      </c>
      <c r="B113" s="155">
        <v>85</v>
      </c>
      <c r="C113" s="83">
        <v>3.8597499126360915</v>
      </c>
      <c r="D113" s="84">
        <v>0.27547611621731771</v>
      </c>
    </row>
    <row r="114" spans="1:34">
      <c r="A114" s="48" t="s">
        <v>370</v>
      </c>
      <c r="B114" s="156">
        <v>250</v>
      </c>
      <c r="C114" s="157">
        <v>4.0005109068110798</v>
      </c>
      <c r="D114" s="158">
        <v>0.17898603960428375</v>
      </c>
    </row>
    <row r="115" spans="1:34">
      <c r="A115" s="56" t="s">
        <v>361</v>
      </c>
      <c r="B115" s="155">
        <v>109</v>
      </c>
      <c r="C115" s="83">
        <v>3.9133971879171732</v>
      </c>
      <c r="D115" s="84">
        <v>0.28400171937730007</v>
      </c>
    </row>
    <row r="116" spans="1:34">
      <c r="A116" s="48" t="s">
        <v>375</v>
      </c>
      <c r="B116" s="156">
        <v>95</v>
      </c>
      <c r="C116" s="157">
        <v>4.1038476626230791</v>
      </c>
      <c r="D116" s="158">
        <v>0.25917044685718849</v>
      </c>
    </row>
    <row r="117" spans="1:34">
      <c r="A117" s="56" t="s">
        <v>358</v>
      </c>
      <c r="B117" s="155">
        <v>76</v>
      </c>
      <c r="C117" s="83">
        <v>3.8555127925644448</v>
      </c>
      <c r="D117" s="84">
        <v>0.34372064441840694</v>
      </c>
    </row>
    <row r="119" spans="1:34" ht="18.75">
      <c r="A119" s="340" t="s">
        <v>521</v>
      </c>
      <c r="B119" s="340"/>
      <c r="C119" s="340"/>
      <c r="D119" s="340"/>
      <c r="E119" s="340"/>
      <c r="F119" s="340"/>
      <c r="G119" s="340"/>
      <c r="H119" s="340"/>
      <c r="I119" s="340"/>
      <c r="J119" s="340"/>
      <c r="K119" s="340"/>
      <c r="L119" s="340"/>
      <c r="M119" s="340"/>
      <c r="N119" s="340"/>
      <c r="O119" s="340"/>
      <c r="P119" s="340"/>
      <c r="Q119" s="340"/>
      <c r="R119" s="340"/>
      <c r="S119" s="340"/>
      <c r="T119" s="340"/>
      <c r="U119" s="340"/>
      <c r="V119" s="340"/>
      <c r="W119" s="340"/>
      <c r="X119" s="340"/>
      <c r="Y119" s="340"/>
      <c r="Z119" s="340"/>
      <c r="AA119" s="340"/>
      <c r="AB119" s="340"/>
      <c r="AC119" s="340"/>
      <c r="AD119" s="340"/>
      <c r="AE119" s="340"/>
      <c r="AF119" s="340"/>
      <c r="AG119" s="340"/>
      <c r="AH119" s="340"/>
    </row>
    <row r="120" spans="1:34" ht="75.75" customHeight="1">
      <c r="A120" s="403" t="s">
        <v>600</v>
      </c>
      <c r="B120" s="403"/>
      <c r="C120" s="403"/>
      <c r="D120" s="403"/>
      <c r="E120" s="403"/>
      <c r="F120" s="403"/>
      <c r="G120" s="403"/>
      <c r="H120" s="403"/>
      <c r="I120" s="403"/>
      <c r="J120" s="403"/>
      <c r="K120" s="403"/>
      <c r="L120" s="403"/>
      <c r="M120" s="403"/>
      <c r="N120" s="403"/>
      <c r="O120" s="403"/>
      <c r="P120" s="403"/>
      <c r="Q120" s="403"/>
      <c r="R120" s="403"/>
      <c r="S120" s="403"/>
      <c r="T120" s="403"/>
      <c r="U120" s="403"/>
      <c r="V120" s="403"/>
      <c r="W120" s="403"/>
      <c r="X120" s="403"/>
      <c r="Y120" s="403"/>
      <c r="Z120" s="403"/>
      <c r="AA120" s="403"/>
      <c r="AB120" s="403"/>
      <c r="AC120" s="403"/>
      <c r="AD120" s="403"/>
      <c r="AE120" s="403"/>
      <c r="AF120" s="403"/>
      <c r="AG120" s="403"/>
      <c r="AH120" s="403"/>
    </row>
    <row r="121" spans="1:34" ht="42" customHeight="1">
      <c r="A121" s="321"/>
      <c r="B121" s="389" t="s">
        <v>409</v>
      </c>
      <c r="C121" s="390"/>
      <c r="D121" s="390"/>
      <c r="E121" s="390"/>
      <c r="F121" s="390"/>
      <c r="G121" s="390"/>
      <c r="H121" s="390"/>
      <c r="I121" s="390"/>
      <c r="J121" s="390"/>
      <c r="K121" s="390"/>
      <c r="L121" s="390"/>
      <c r="M121" s="389" t="s">
        <v>410</v>
      </c>
      <c r="N121" s="390"/>
      <c r="O121" s="390"/>
      <c r="P121" s="390"/>
      <c r="Q121" s="390"/>
      <c r="R121" s="390"/>
      <c r="S121" s="390"/>
      <c r="T121" s="390"/>
      <c r="U121" s="390"/>
      <c r="V121" s="390"/>
      <c r="W121" s="390"/>
      <c r="X121" s="389" t="s">
        <v>269</v>
      </c>
      <c r="Y121" s="390"/>
      <c r="Z121" s="390"/>
      <c r="AA121" s="390"/>
      <c r="AB121" s="390"/>
      <c r="AC121" s="390"/>
      <c r="AD121" s="390"/>
      <c r="AE121" s="390"/>
      <c r="AF121" s="390"/>
      <c r="AG121" s="390"/>
      <c r="AH121" s="390"/>
    </row>
    <row r="122" spans="1:34" ht="72">
      <c r="A122" s="36" t="s">
        <v>70</v>
      </c>
      <c r="B122" s="37" t="s">
        <v>71</v>
      </c>
      <c r="C122" s="38" t="s">
        <v>594</v>
      </c>
      <c r="D122" s="39" t="s">
        <v>72</v>
      </c>
      <c r="E122" s="37" t="s">
        <v>158</v>
      </c>
      <c r="F122" s="39" t="s">
        <v>86</v>
      </c>
      <c r="G122" s="37" t="s">
        <v>157</v>
      </c>
      <c r="H122" s="39" t="s">
        <v>85</v>
      </c>
      <c r="I122" s="37" t="s">
        <v>156</v>
      </c>
      <c r="J122" s="39" t="s">
        <v>84</v>
      </c>
      <c r="K122" s="37" t="s">
        <v>301</v>
      </c>
      <c r="L122" s="88" t="s">
        <v>315</v>
      </c>
      <c r="M122" s="64" t="s">
        <v>71</v>
      </c>
      <c r="N122" s="65" t="s">
        <v>594</v>
      </c>
      <c r="O122" s="66" t="s">
        <v>72</v>
      </c>
      <c r="P122" s="64" t="s">
        <v>158</v>
      </c>
      <c r="Q122" s="66" t="s">
        <v>86</v>
      </c>
      <c r="R122" s="64" t="s">
        <v>157</v>
      </c>
      <c r="S122" s="66" t="s">
        <v>85</v>
      </c>
      <c r="T122" s="64" t="s">
        <v>156</v>
      </c>
      <c r="U122" s="66" t="s">
        <v>84</v>
      </c>
      <c r="V122" s="64" t="s">
        <v>301</v>
      </c>
      <c r="W122" s="87" t="s">
        <v>315</v>
      </c>
      <c r="X122" s="37" t="s">
        <v>71</v>
      </c>
      <c r="Y122" s="38" t="s">
        <v>594</v>
      </c>
      <c r="Z122" s="39" t="s">
        <v>72</v>
      </c>
      <c r="AA122" s="37" t="s">
        <v>345</v>
      </c>
      <c r="AB122" s="39" t="s">
        <v>346</v>
      </c>
      <c r="AC122" s="37" t="s">
        <v>342</v>
      </c>
      <c r="AD122" s="39" t="s">
        <v>344</v>
      </c>
      <c r="AE122" s="37" t="s">
        <v>347</v>
      </c>
      <c r="AF122" s="39" t="s">
        <v>348</v>
      </c>
      <c r="AG122" s="37" t="s">
        <v>301</v>
      </c>
      <c r="AH122" s="88" t="s">
        <v>315</v>
      </c>
    </row>
    <row r="123" spans="1:34" ht="84">
      <c r="A123" s="40"/>
      <c r="B123" s="41" t="s">
        <v>73</v>
      </c>
      <c r="C123" s="127" t="s">
        <v>579</v>
      </c>
      <c r="D123" s="43" t="s">
        <v>75</v>
      </c>
      <c r="E123" s="41" t="s">
        <v>161</v>
      </c>
      <c r="F123" s="43" t="s">
        <v>127</v>
      </c>
      <c r="G123" s="41" t="s">
        <v>160</v>
      </c>
      <c r="H123" s="43" t="s">
        <v>126</v>
      </c>
      <c r="I123" s="41" t="s">
        <v>159</v>
      </c>
      <c r="J123" s="43" t="s">
        <v>125</v>
      </c>
      <c r="K123" s="41" t="s">
        <v>301</v>
      </c>
      <c r="L123" s="90" t="s">
        <v>87</v>
      </c>
      <c r="M123" s="67" t="s">
        <v>73</v>
      </c>
      <c r="N123" s="261" t="s">
        <v>579</v>
      </c>
      <c r="O123" s="69" t="s">
        <v>75</v>
      </c>
      <c r="P123" s="67" t="s">
        <v>161</v>
      </c>
      <c r="Q123" s="69" t="s">
        <v>127</v>
      </c>
      <c r="R123" s="67" t="s">
        <v>160</v>
      </c>
      <c r="S123" s="69" t="s">
        <v>126</v>
      </c>
      <c r="T123" s="67" t="s">
        <v>159</v>
      </c>
      <c r="U123" s="69" t="s">
        <v>125</v>
      </c>
      <c r="V123" s="67" t="s">
        <v>301</v>
      </c>
      <c r="W123" s="89" t="s">
        <v>87</v>
      </c>
      <c r="X123" s="41" t="s">
        <v>73</v>
      </c>
      <c r="Y123" s="127" t="s">
        <v>580</v>
      </c>
      <c r="Z123" s="43" t="s">
        <v>75</v>
      </c>
      <c r="AA123" s="41" t="s">
        <v>341</v>
      </c>
      <c r="AB123" s="43" t="s">
        <v>87</v>
      </c>
      <c r="AC123" s="41" t="s">
        <v>343</v>
      </c>
      <c r="AD123" s="43" t="s">
        <v>87</v>
      </c>
      <c r="AE123" s="41" t="s">
        <v>159</v>
      </c>
      <c r="AF123" s="43" t="s">
        <v>87</v>
      </c>
      <c r="AG123" s="41" t="s">
        <v>301</v>
      </c>
      <c r="AH123" s="90" t="s">
        <v>87</v>
      </c>
    </row>
    <row r="124" spans="1:34">
      <c r="A124" s="44" t="s">
        <v>349</v>
      </c>
      <c r="B124" s="171">
        <v>12544</v>
      </c>
      <c r="C124" s="166">
        <v>3.2020242938552061</v>
      </c>
      <c r="D124" s="85">
        <v>3.153995798480589E-2</v>
      </c>
      <c r="E124" s="174">
        <v>0.54132231395590125</v>
      </c>
      <c r="F124" s="93">
        <v>8.8966286615720213E-3</v>
      </c>
      <c r="G124" s="173">
        <v>0.18931842611000591</v>
      </c>
      <c r="H124" s="93">
        <v>6.99602529067041E-3</v>
      </c>
      <c r="I124" s="173">
        <v>0.18067742109804744</v>
      </c>
      <c r="J124" s="93">
        <v>6.8709607644124732E-3</v>
      </c>
      <c r="K124" s="92">
        <v>8.8681838836064675E-2</v>
      </c>
      <c r="L124" s="93">
        <v>5.0790755597446618E-3</v>
      </c>
      <c r="M124" s="171">
        <v>13868</v>
      </c>
      <c r="N124" s="166">
        <v>4.2251086056961293</v>
      </c>
      <c r="O124" s="85">
        <v>3.4600329527097004E-2</v>
      </c>
      <c r="P124" s="174">
        <v>0.3086532060730165</v>
      </c>
      <c r="Q124" s="93">
        <v>7.8445007978317771E-3</v>
      </c>
      <c r="R124" s="173">
        <v>0.17006063879593769</v>
      </c>
      <c r="S124" s="93">
        <v>6.3809022605139723E-3</v>
      </c>
      <c r="T124" s="173">
        <v>0.38657136831239003</v>
      </c>
      <c r="U124" s="93">
        <v>8.2692117420913973E-3</v>
      </c>
      <c r="V124" s="92">
        <v>0.13471478681867408</v>
      </c>
      <c r="W124" s="93">
        <v>5.7995061308474616E-3</v>
      </c>
      <c r="X124" s="171">
        <v>12646</v>
      </c>
      <c r="Y124" s="166">
        <v>4.0793748706653501</v>
      </c>
      <c r="Z124" s="85">
        <v>3.006042364766669E-2</v>
      </c>
      <c r="AA124" s="174">
        <v>0.32015440915641791</v>
      </c>
      <c r="AB124" s="93">
        <v>8.2964064833803784E-3</v>
      </c>
      <c r="AC124" s="173">
        <v>0.21623776700014877</v>
      </c>
      <c r="AD124" s="93">
        <v>7.3216320227927588E-3</v>
      </c>
      <c r="AE124" s="173">
        <v>0.34397079789181911</v>
      </c>
      <c r="AF124" s="93">
        <v>8.4473778100156386E-3</v>
      </c>
      <c r="AG124" s="92">
        <v>0.11963702595163563</v>
      </c>
      <c r="AH124" s="93">
        <v>5.7734704206014557E-3</v>
      </c>
    </row>
    <row r="125" spans="1:34">
      <c r="A125" s="48" t="s">
        <v>350</v>
      </c>
      <c r="B125" s="172">
        <v>8843</v>
      </c>
      <c r="C125" s="168">
        <v>3.2124908083789454</v>
      </c>
      <c r="D125" s="86">
        <v>3.8363003004730611E-2</v>
      </c>
      <c r="E125" s="176">
        <v>0.53095192952762793</v>
      </c>
      <c r="F125" s="96">
        <v>1.0611310330756832E-2</v>
      </c>
      <c r="G125" s="175">
        <v>0.1800685870428696</v>
      </c>
      <c r="H125" s="96">
        <v>8.1728923267226986E-3</v>
      </c>
      <c r="I125" s="175">
        <v>0.19505282949331718</v>
      </c>
      <c r="J125" s="96">
        <v>8.4276800677694375E-3</v>
      </c>
      <c r="K125" s="95">
        <v>9.392665393618771E-2</v>
      </c>
      <c r="L125" s="96">
        <v>6.2085205488478408E-3</v>
      </c>
      <c r="M125" s="172">
        <v>10167</v>
      </c>
      <c r="N125" s="168">
        <v>4.2642339328417718</v>
      </c>
      <c r="O125" s="86">
        <v>4.1164911193939904E-2</v>
      </c>
      <c r="P125" s="176">
        <v>0.3051613242877792</v>
      </c>
      <c r="Q125" s="96">
        <v>9.132411585747565E-3</v>
      </c>
      <c r="R125" s="175">
        <v>0.1551825020099766</v>
      </c>
      <c r="S125" s="96">
        <v>7.1829990453528506E-3</v>
      </c>
      <c r="T125" s="175">
        <v>0.39409960450788062</v>
      </c>
      <c r="U125" s="96">
        <v>9.6908039136822926E-3</v>
      </c>
      <c r="V125" s="95">
        <v>0.14555656919436291</v>
      </c>
      <c r="W125" s="96">
        <v>6.9964568000390956E-3</v>
      </c>
      <c r="X125" s="172">
        <v>8860</v>
      </c>
      <c r="Y125" s="168">
        <v>3.9392030712344388</v>
      </c>
      <c r="Z125" s="86">
        <v>3.5301255594685318E-2</v>
      </c>
      <c r="AA125" s="176">
        <v>0.33611635361931547</v>
      </c>
      <c r="AB125" s="96">
        <v>1.0035280384670728E-2</v>
      </c>
      <c r="AC125" s="175">
        <v>0.22551111145911626</v>
      </c>
      <c r="AD125" s="96">
        <v>8.8795549367867554E-3</v>
      </c>
      <c r="AE125" s="175">
        <v>0.30451770882129348</v>
      </c>
      <c r="AF125" s="96">
        <v>9.7768688052502807E-3</v>
      </c>
      <c r="AG125" s="95">
        <v>0.1338548261002768</v>
      </c>
      <c r="AH125" s="96">
        <v>7.2369227002307725E-3</v>
      </c>
    </row>
    <row r="126" spans="1:34">
      <c r="A126" s="44" t="s">
        <v>351</v>
      </c>
      <c r="B126" s="171">
        <v>3701</v>
      </c>
      <c r="C126" s="166">
        <v>3.1938173255393223</v>
      </c>
      <c r="D126" s="85">
        <v>5.4962690047433468E-2</v>
      </c>
      <c r="E126" s="174">
        <v>0.54953826598148137</v>
      </c>
      <c r="F126" s="93">
        <v>1.634814408660501E-2</v>
      </c>
      <c r="G126" s="173">
        <v>0.19664662445651993</v>
      </c>
      <c r="H126" s="93">
        <v>1.3067883512336344E-2</v>
      </c>
      <c r="I126" s="173">
        <v>0.16928848305618316</v>
      </c>
      <c r="J126" s="93">
        <v>1.2332151755394649E-2</v>
      </c>
      <c r="K126" s="92">
        <v>8.4526626505818131E-2</v>
      </c>
      <c r="L126" s="93">
        <v>9.1621706207656636E-3</v>
      </c>
      <c r="M126" s="171">
        <v>3701</v>
      </c>
      <c r="N126" s="166">
        <v>4.1940876797281677</v>
      </c>
      <c r="O126" s="85">
        <v>6.3343293074124188E-2</v>
      </c>
      <c r="P126" s="174">
        <v>0.31148540377649131</v>
      </c>
      <c r="Q126" s="93">
        <v>1.5219099452797338E-2</v>
      </c>
      <c r="R126" s="173">
        <v>0.18212800746102167</v>
      </c>
      <c r="S126" s="93">
        <v>1.2690670667667259E-2</v>
      </c>
      <c r="T126" s="173">
        <v>0.3804653617017546</v>
      </c>
      <c r="U126" s="93">
        <v>1.5953451384760974E-2</v>
      </c>
      <c r="V126" s="92">
        <v>0.12592122706073255</v>
      </c>
      <c r="W126" s="93">
        <v>1.0915801530190013E-2</v>
      </c>
      <c r="X126" s="171">
        <v>3786</v>
      </c>
      <c r="Y126" s="166">
        <v>4.1849847042447967</v>
      </c>
      <c r="Z126" s="85">
        <v>5.6530235627231418E-2</v>
      </c>
      <c r="AA126" s="174">
        <v>0.30777769801184185</v>
      </c>
      <c r="AB126" s="93">
        <v>1.4997925589034594E-2</v>
      </c>
      <c r="AC126" s="173">
        <v>0.20904732062442041</v>
      </c>
      <c r="AD126" s="93">
        <v>1.3217288275458684E-2</v>
      </c>
      <c r="AE126" s="173">
        <v>0.37456227678848397</v>
      </c>
      <c r="AF126" s="93">
        <v>1.5725165049146072E-2</v>
      </c>
      <c r="AG126" s="92">
        <v>0.1086127045752539</v>
      </c>
      <c r="AH126" s="93">
        <v>1.0125292030321332E-2</v>
      </c>
    </row>
    <row r="127" spans="1:34">
      <c r="A127" s="48" t="s">
        <v>558</v>
      </c>
      <c r="B127" s="172">
        <v>337</v>
      </c>
      <c r="C127" s="168">
        <v>3.1244981533662552</v>
      </c>
      <c r="D127" s="86">
        <v>0.17452259131478384</v>
      </c>
      <c r="E127" s="176">
        <v>0.52378288103811255</v>
      </c>
      <c r="F127" s="96">
        <v>5.4093171120068263E-2</v>
      </c>
      <c r="G127" s="175">
        <v>0.20627256213490242</v>
      </c>
      <c r="H127" s="96">
        <v>4.4092197029098237E-2</v>
      </c>
      <c r="I127" s="175">
        <v>0.1655184114346239</v>
      </c>
      <c r="J127" s="96">
        <v>4.0630135588632592E-2</v>
      </c>
      <c r="K127" s="95">
        <v>0.10442614539236196</v>
      </c>
      <c r="L127" s="96">
        <v>3.3761427675592932E-2</v>
      </c>
      <c r="M127" s="172">
        <v>335</v>
      </c>
      <c r="N127" s="168">
        <v>4.0748917519670647</v>
      </c>
      <c r="O127" s="86">
        <v>0.20673742705707387</v>
      </c>
      <c r="P127" s="176">
        <v>0.34304880351011735</v>
      </c>
      <c r="Q127" s="96">
        <v>5.1633404614185571E-2</v>
      </c>
      <c r="R127" s="175">
        <v>0.14337726415122437</v>
      </c>
      <c r="S127" s="96">
        <v>3.8528051333423699E-2</v>
      </c>
      <c r="T127" s="175">
        <v>0.37715297370834766</v>
      </c>
      <c r="U127" s="96">
        <v>5.2687383930626316E-2</v>
      </c>
      <c r="V127" s="95">
        <v>0.13642095863031134</v>
      </c>
      <c r="W127" s="96">
        <v>3.7771459597495116E-2</v>
      </c>
      <c r="X127" s="172">
        <v>337</v>
      </c>
      <c r="Y127" s="168">
        <v>4.2009450765617968</v>
      </c>
      <c r="Z127" s="86">
        <v>0.18905245563589473</v>
      </c>
      <c r="AA127" s="176">
        <v>0.28929668419222387</v>
      </c>
      <c r="AB127" s="96">
        <v>4.9233366088427266E-2</v>
      </c>
      <c r="AC127" s="175">
        <v>0.19881827069436997</v>
      </c>
      <c r="AD127" s="96">
        <v>4.3512251068718845E-2</v>
      </c>
      <c r="AE127" s="175">
        <v>0.38104301154666481</v>
      </c>
      <c r="AF127" s="96">
        <v>5.2634886967020587E-2</v>
      </c>
      <c r="AG127" s="95">
        <v>0.13084203356674229</v>
      </c>
      <c r="AH127" s="96">
        <v>3.7030663821451572E-2</v>
      </c>
    </row>
    <row r="128" spans="1:34">
      <c r="A128" s="44" t="s">
        <v>559</v>
      </c>
      <c r="B128" s="171">
        <v>3241</v>
      </c>
      <c r="C128" s="166">
        <v>3.2308324522166783</v>
      </c>
      <c r="D128" s="85">
        <v>6.3038413487955927E-2</v>
      </c>
      <c r="E128" s="174">
        <v>0.53471775736678406</v>
      </c>
      <c r="F128" s="93">
        <v>1.7512404479286345E-2</v>
      </c>
      <c r="G128" s="173">
        <v>0.20004602033284974</v>
      </c>
      <c r="H128" s="93">
        <v>1.4054671376875532E-2</v>
      </c>
      <c r="I128" s="173">
        <v>0.17710314065836394</v>
      </c>
      <c r="J128" s="93">
        <v>1.3415006711619574E-2</v>
      </c>
      <c r="K128" s="92">
        <v>8.8133081642013347E-2</v>
      </c>
      <c r="L128" s="93">
        <v>9.9789355153745325E-3</v>
      </c>
      <c r="M128" s="171">
        <v>3602</v>
      </c>
      <c r="N128" s="166">
        <v>4.247126137273181</v>
      </c>
      <c r="O128" s="85">
        <v>6.8282979393644458E-2</v>
      </c>
      <c r="P128" s="174">
        <v>0.30818043487997476</v>
      </c>
      <c r="Q128" s="93">
        <v>1.5381516780649033E-2</v>
      </c>
      <c r="R128" s="173">
        <v>0.17272780320686368</v>
      </c>
      <c r="S128" s="93">
        <v>1.2600363460380981E-2</v>
      </c>
      <c r="T128" s="173">
        <v>0.38949752908662683</v>
      </c>
      <c r="U128" s="93">
        <v>1.6241940835258633E-2</v>
      </c>
      <c r="V128" s="92">
        <v>0.12959423282655147</v>
      </c>
      <c r="W128" s="93">
        <v>1.1200971620660988E-2</v>
      </c>
      <c r="X128" s="171">
        <v>3255</v>
      </c>
      <c r="Y128" s="166">
        <v>4.1240749072253085</v>
      </c>
      <c r="Z128" s="85">
        <v>5.7419229750191751E-2</v>
      </c>
      <c r="AA128" s="174">
        <v>0.3001447753969278</v>
      </c>
      <c r="AB128" s="93">
        <v>1.6060482360552644E-2</v>
      </c>
      <c r="AC128" s="173">
        <v>0.23620372119376243</v>
      </c>
      <c r="AD128" s="93">
        <v>1.4887622002581223E-2</v>
      </c>
      <c r="AE128" s="173">
        <v>0.35197195551447763</v>
      </c>
      <c r="AF128" s="93">
        <v>1.6733620599528001E-2</v>
      </c>
      <c r="AG128" s="92">
        <v>0.1116795478948476</v>
      </c>
      <c r="AH128" s="93">
        <v>1.1055227283743467E-2</v>
      </c>
    </row>
    <row r="129" spans="1:34">
      <c r="A129" s="48" t="s">
        <v>560</v>
      </c>
      <c r="B129" s="172">
        <v>2592</v>
      </c>
      <c r="C129" s="168">
        <v>3.2271899803106248</v>
      </c>
      <c r="D129" s="86">
        <v>7.1360535562123073E-2</v>
      </c>
      <c r="E129" s="176">
        <v>0.52562633522042201</v>
      </c>
      <c r="F129" s="96">
        <v>1.9601001245642503E-2</v>
      </c>
      <c r="G129" s="175">
        <v>0.18382759447103184</v>
      </c>
      <c r="H129" s="96">
        <v>1.522015284580642E-2</v>
      </c>
      <c r="I129" s="175">
        <v>0.1923055203817427</v>
      </c>
      <c r="J129" s="96">
        <v>1.5484752763947562E-2</v>
      </c>
      <c r="K129" s="95">
        <v>9.8240549926801576E-2</v>
      </c>
      <c r="L129" s="96">
        <v>1.1716106049461413E-2</v>
      </c>
      <c r="M129" s="172">
        <v>2955</v>
      </c>
      <c r="N129" s="168">
        <v>4.2961973314325226</v>
      </c>
      <c r="O129" s="86">
        <v>7.6137893243968011E-2</v>
      </c>
      <c r="P129" s="176">
        <v>0.29767485088029011</v>
      </c>
      <c r="Q129" s="96">
        <v>1.6815606657408378E-2</v>
      </c>
      <c r="R129" s="175">
        <v>0.1572956458903752</v>
      </c>
      <c r="S129" s="96">
        <v>1.3402094669213519E-2</v>
      </c>
      <c r="T129" s="175">
        <v>0.39692426648377965</v>
      </c>
      <c r="U129" s="96">
        <v>1.798967442952144E-2</v>
      </c>
      <c r="V129" s="95">
        <v>0.14810523674555143</v>
      </c>
      <c r="W129" s="96">
        <v>1.3077078687614079E-2</v>
      </c>
      <c r="X129" s="172">
        <v>2597</v>
      </c>
      <c r="Y129" s="168">
        <v>3.9289494939411505</v>
      </c>
      <c r="Z129" s="86">
        <v>6.3235086904549875E-2</v>
      </c>
      <c r="AA129" s="176">
        <v>0.32528548015575454</v>
      </c>
      <c r="AB129" s="96">
        <v>1.837574634038882E-2</v>
      </c>
      <c r="AC129" s="175">
        <v>0.24366883265025563</v>
      </c>
      <c r="AD129" s="96">
        <v>1.684432513349509E-2</v>
      </c>
      <c r="AE129" s="175">
        <v>0.30236688303035164</v>
      </c>
      <c r="AF129" s="96">
        <v>1.8016234021091142E-2</v>
      </c>
      <c r="AG129" s="95">
        <v>0.12867880416363539</v>
      </c>
      <c r="AH129" s="96">
        <v>1.3155931981043549E-2</v>
      </c>
    </row>
    <row r="130" spans="1:34">
      <c r="A130" s="44" t="s">
        <v>368</v>
      </c>
      <c r="B130" s="171">
        <v>156</v>
      </c>
      <c r="C130" s="166">
        <v>3.2357311757416287</v>
      </c>
      <c r="D130" s="85">
        <v>0.28970153558339068</v>
      </c>
      <c r="E130" s="174">
        <v>0.50976519554610689</v>
      </c>
      <c r="F130" s="93">
        <v>7.9042607071873966E-2</v>
      </c>
      <c r="G130" s="173">
        <v>0.19388812285278448</v>
      </c>
      <c r="H130" s="93">
        <v>6.3427552655590066E-2</v>
      </c>
      <c r="I130" s="173">
        <v>0.17982576414545673</v>
      </c>
      <c r="J130" s="93">
        <v>6.1755559678237815E-2</v>
      </c>
      <c r="K130" s="92">
        <v>0.11652091745565206</v>
      </c>
      <c r="L130" s="93">
        <v>5.2489211619908084E-2</v>
      </c>
      <c r="M130" s="171">
        <v>158</v>
      </c>
      <c r="N130" s="166">
        <v>4.2888837696416671</v>
      </c>
      <c r="O130" s="85">
        <v>0.32603161661384422</v>
      </c>
      <c r="P130" s="174">
        <v>0.2993025961500973</v>
      </c>
      <c r="Q130" s="93">
        <v>7.2296560670075324E-2</v>
      </c>
      <c r="R130" s="173">
        <v>0.17463231363179357</v>
      </c>
      <c r="S130" s="93">
        <v>6.0715728135782077E-2</v>
      </c>
      <c r="T130" s="173">
        <v>0.39691823401975429</v>
      </c>
      <c r="U130" s="93">
        <v>7.696277835160352E-2</v>
      </c>
      <c r="V130" s="92">
        <v>0.12914685619835453</v>
      </c>
      <c r="W130" s="93">
        <v>5.4245851838691093E-2</v>
      </c>
      <c r="X130" s="171">
        <v>157</v>
      </c>
      <c r="Y130" s="166">
        <v>3.938524822846051</v>
      </c>
      <c r="Z130" s="85">
        <v>0.23894822276805824</v>
      </c>
      <c r="AA130" s="174">
        <v>0.34524742730398444</v>
      </c>
      <c r="AB130" s="93">
        <v>7.5135792503852439E-2</v>
      </c>
      <c r="AC130" s="173">
        <v>0.21169765741155325</v>
      </c>
      <c r="AD130" s="93">
        <v>6.5172595048436907E-2</v>
      </c>
      <c r="AE130" s="173">
        <v>0.34210390356045872</v>
      </c>
      <c r="AF130" s="93">
        <v>7.4981115629853601E-2</v>
      </c>
      <c r="AG130" s="92">
        <v>0.10095101172400327</v>
      </c>
      <c r="AH130" s="93">
        <v>4.9487852502734228E-2</v>
      </c>
    </row>
    <row r="131" spans="1:34">
      <c r="A131" s="48" t="s">
        <v>150</v>
      </c>
      <c r="B131" s="172">
        <v>204</v>
      </c>
      <c r="C131" s="168">
        <v>3.3873405938165306</v>
      </c>
      <c r="D131" s="86">
        <v>0.28427414633917264</v>
      </c>
      <c r="E131" s="176">
        <v>0.51997530455177665</v>
      </c>
      <c r="F131" s="96">
        <v>6.9284278698762469E-2</v>
      </c>
      <c r="G131" s="175">
        <v>0.17543146822534031</v>
      </c>
      <c r="H131" s="96">
        <v>5.3469622897504475E-2</v>
      </c>
      <c r="I131" s="175">
        <v>0.24674866091551151</v>
      </c>
      <c r="J131" s="96">
        <v>6.0177113385003124E-2</v>
      </c>
      <c r="K131" s="95">
        <v>5.784456630737312E-2</v>
      </c>
      <c r="L131" s="96">
        <v>3.4514644970553711E-2</v>
      </c>
      <c r="M131" s="172">
        <v>272</v>
      </c>
      <c r="N131" s="168">
        <v>4.5335226851479797</v>
      </c>
      <c r="O131" s="86">
        <v>0.25840418751811595</v>
      </c>
      <c r="P131" s="176">
        <v>0.25074477246474891</v>
      </c>
      <c r="Q131" s="96">
        <v>5.2427948989024531E-2</v>
      </c>
      <c r="R131" s="175">
        <v>0.1722757083992329</v>
      </c>
      <c r="S131" s="96">
        <v>4.5950093641980959E-2</v>
      </c>
      <c r="T131" s="175">
        <v>0.43884571691277402</v>
      </c>
      <c r="U131" s="96">
        <v>5.975405746775133E-2</v>
      </c>
      <c r="V131" s="95">
        <v>0.1381338022232434</v>
      </c>
      <c r="W131" s="96">
        <v>4.2190204269240583E-2</v>
      </c>
      <c r="X131" s="172">
        <v>203</v>
      </c>
      <c r="Y131" s="168">
        <v>4.2851068743068748</v>
      </c>
      <c r="Z131" s="86">
        <v>0.22881290585524924</v>
      </c>
      <c r="AA131" s="176">
        <v>0.27555787408592886</v>
      </c>
      <c r="AB131" s="96">
        <v>6.2408000502383605E-2</v>
      </c>
      <c r="AC131" s="175">
        <v>0.20475508025592495</v>
      </c>
      <c r="AD131" s="96">
        <v>5.6665261681373626E-2</v>
      </c>
      <c r="AE131" s="175">
        <v>0.39844244249840083</v>
      </c>
      <c r="AF131" s="96">
        <v>6.8111987569995439E-2</v>
      </c>
      <c r="AG131" s="95">
        <v>0.12124460315974676</v>
      </c>
      <c r="AH131" s="96">
        <v>4.6528773944054025E-2</v>
      </c>
    </row>
    <row r="132" spans="1:34">
      <c r="A132" s="44" t="s">
        <v>352</v>
      </c>
      <c r="B132" s="171">
        <v>81</v>
      </c>
      <c r="C132" s="166">
        <v>3.3177532079607936</v>
      </c>
      <c r="D132" s="85">
        <v>0.44119494507114287</v>
      </c>
      <c r="E132" s="174">
        <v>0.50442308223805554</v>
      </c>
      <c r="F132" s="93">
        <v>0.10846137492039355</v>
      </c>
      <c r="G132" s="173">
        <v>0.22753008154730295</v>
      </c>
      <c r="H132" s="93">
        <v>9.2693807787090271E-2</v>
      </c>
      <c r="I132" s="173">
        <v>0.20421278082878844</v>
      </c>
      <c r="J132" s="93">
        <v>8.9587428660582114E-2</v>
      </c>
      <c r="K132" s="92">
        <v>6.383405538585249E-2</v>
      </c>
      <c r="L132" s="93">
        <v>6.0290662394805593E-2</v>
      </c>
      <c r="M132" s="171">
        <v>121</v>
      </c>
      <c r="N132" s="166">
        <v>4.3230675781377572</v>
      </c>
      <c r="O132" s="85">
        <v>0.38195825569582392</v>
      </c>
      <c r="P132" s="174">
        <v>0.23975592041045488</v>
      </c>
      <c r="Q132" s="93">
        <v>7.7260741573788427E-2</v>
      </c>
      <c r="R132" s="173">
        <v>0.23948212629055007</v>
      </c>
      <c r="S132" s="93">
        <v>7.7233068782183889E-2</v>
      </c>
      <c r="T132" s="173">
        <v>0.38569352003287022</v>
      </c>
      <c r="U132" s="93">
        <v>8.7225110375404619E-2</v>
      </c>
      <c r="V132" s="92">
        <v>0.13506843326612342</v>
      </c>
      <c r="W132" s="93">
        <v>6.3299107974535918E-2</v>
      </c>
      <c r="X132" s="171">
        <v>81</v>
      </c>
      <c r="Y132" s="166">
        <v>4.0347145764644576</v>
      </c>
      <c r="Z132" s="85">
        <v>0.37996378569313488</v>
      </c>
      <c r="AA132" s="174">
        <v>0.33265800958934272</v>
      </c>
      <c r="AB132" s="93">
        <v>0.10280083601406131</v>
      </c>
      <c r="AC132" s="173">
        <v>0.21871818961358</v>
      </c>
      <c r="AD132" s="93">
        <v>9.1562095322931011E-2</v>
      </c>
      <c r="AE132" s="173">
        <v>0.28522076580360795</v>
      </c>
      <c r="AF132" s="93">
        <v>9.896152126667071E-2</v>
      </c>
      <c r="AG132" s="92">
        <v>0.16340303499346881</v>
      </c>
      <c r="AH132" s="93">
        <v>8.3204886105590764E-2</v>
      </c>
    </row>
    <row r="133" spans="1:34">
      <c r="A133" s="48" t="s">
        <v>353</v>
      </c>
      <c r="B133" s="172">
        <v>88</v>
      </c>
      <c r="C133" s="168">
        <v>3.5980128546210244</v>
      </c>
      <c r="D133" s="86">
        <v>0.46234297957668496</v>
      </c>
      <c r="E133" s="176">
        <v>0.49207701944900045</v>
      </c>
      <c r="F133" s="96">
        <v>0.1042452305843047</v>
      </c>
      <c r="G133" s="175">
        <v>0.145216413729957</v>
      </c>
      <c r="H133" s="96">
        <v>7.6566539206871134E-2</v>
      </c>
      <c r="I133" s="175">
        <v>0.33164996942428887</v>
      </c>
      <c r="J133" s="96">
        <v>9.8702272925378087E-2</v>
      </c>
      <c r="K133" s="95">
        <v>3.1056597396753059E-2</v>
      </c>
      <c r="L133" s="96">
        <v>4.6061776849248101E-2</v>
      </c>
      <c r="M133" s="172">
        <v>116</v>
      </c>
      <c r="N133" s="168">
        <v>4.7557277659706259</v>
      </c>
      <c r="O133" s="86">
        <v>0.40080905481505724</v>
      </c>
      <c r="P133" s="176">
        <v>0.25971855852413045</v>
      </c>
      <c r="Q133" s="96">
        <v>8.0839282963172374E-2</v>
      </c>
      <c r="R133" s="175">
        <v>0.16089587932851765</v>
      </c>
      <c r="S133" s="96">
        <v>6.8931544271858214E-2</v>
      </c>
      <c r="T133" s="175">
        <v>0.47493840182751873</v>
      </c>
      <c r="U133" s="96">
        <v>9.1179875461113308E-2</v>
      </c>
      <c r="V133" s="95">
        <v>0.10444716031983167</v>
      </c>
      <c r="W133" s="96">
        <v>5.8820321761881157E-2</v>
      </c>
      <c r="X133" s="172">
        <v>88</v>
      </c>
      <c r="Y133" s="168">
        <v>4.5485970676217589</v>
      </c>
      <c r="Z133" s="86">
        <v>0.32656948782570427</v>
      </c>
      <c r="AA133" s="176">
        <v>0.18827751862433428</v>
      </c>
      <c r="AB133" s="96">
        <v>8.3690696236457598E-2</v>
      </c>
      <c r="AC133" s="175">
        <v>0.22658538518267016</v>
      </c>
      <c r="AD133" s="96">
        <v>8.8858367106068717E-2</v>
      </c>
      <c r="AE133" s="175">
        <v>0.50741693388789866</v>
      </c>
      <c r="AF133" s="96">
        <v>0.10424671169009954</v>
      </c>
      <c r="AG133" s="95">
        <v>7.7720162305096263E-2</v>
      </c>
      <c r="AH133" s="96">
        <v>6.1449434502582598E-2</v>
      </c>
    </row>
    <row r="134" spans="1:34">
      <c r="A134" s="44" t="s">
        <v>369</v>
      </c>
      <c r="B134" s="171">
        <v>363</v>
      </c>
      <c r="C134" s="166">
        <v>3.1252787577842338</v>
      </c>
      <c r="D134" s="85">
        <v>0.19888823634659214</v>
      </c>
      <c r="E134" s="174">
        <v>0.5746835179043065</v>
      </c>
      <c r="F134" s="93">
        <v>5.162675654882154E-2</v>
      </c>
      <c r="G134" s="173">
        <v>0.15759754421820873</v>
      </c>
      <c r="H134" s="93">
        <v>3.8401614876235911E-2</v>
      </c>
      <c r="I134" s="173">
        <v>0.20968296833262201</v>
      </c>
      <c r="J134" s="93">
        <v>4.2732711090980091E-2</v>
      </c>
      <c r="K134" s="92">
        <v>5.8035969544863973E-2</v>
      </c>
      <c r="L134" s="93">
        <v>2.5337506969595899E-2</v>
      </c>
      <c r="M134" s="171">
        <v>422</v>
      </c>
      <c r="N134" s="166">
        <v>4.0483335566644758</v>
      </c>
      <c r="O134" s="85">
        <v>0.19496250206357135</v>
      </c>
      <c r="P134" s="174">
        <v>0.36128113358586494</v>
      </c>
      <c r="Q134" s="93">
        <v>4.6584442888018864E-2</v>
      </c>
      <c r="R134" s="173">
        <v>0.1649872581554562</v>
      </c>
      <c r="S134" s="93">
        <v>3.6239194884758338E-2</v>
      </c>
      <c r="T134" s="173">
        <v>0.35708957769481031</v>
      </c>
      <c r="U134" s="93">
        <v>4.6467551237438696E-2</v>
      </c>
      <c r="V134" s="92">
        <v>0.11664203056386883</v>
      </c>
      <c r="W134" s="93">
        <v>3.151623546193455E-2</v>
      </c>
      <c r="X134" s="171">
        <v>361</v>
      </c>
      <c r="Y134" s="166">
        <v>3.863973814540774</v>
      </c>
      <c r="Z134" s="85">
        <v>0.16725535918018855</v>
      </c>
      <c r="AA134" s="174">
        <v>0.35666871120154719</v>
      </c>
      <c r="AB134" s="93">
        <v>5.0194574910817226E-2</v>
      </c>
      <c r="AC134" s="173">
        <v>0.27763121733694818</v>
      </c>
      <c r="AD134" s="93">
        <v>4.7006845899431299E-2</v>
      </c>
      <c r="AE134" s="173">
        <v>0.28847583453887271</v>
      </c>
      <c r="AF134" s="93">
        <v>4.7540357580326084E-2</v>
      </c>
      <c r="AG134" s="92">
        <v>7.7224236922633527E-2</v>
      </c>
      <c r="AH134" s="93">
        <v>2.8699054959393355E-2</v>
      </c>
    </row>
    <row r="135" spans="1:34">
      <c r="A135" s="48" t="s">
        <v>354</v>
      </c>
      <c r="B135" s="172">
        <v>52</v>
      </c>
      <c r="C135" s="168">
        <v>3.4174337447899266</v>
      </c>
      <c r="D135" s="86">
        <v>0.55969191525338291</v>
      </c>
      <c r="E135" s="176">
        <v>0.47648723765318141</v>
      </c>
      <c r="F135" s="96">
        <v>0.13350315884814046</v>
      </c>
      <c r="G135" s="175">
        <v>0.19642015153837331</v>
      </c>
      <c r="H135" s="96">
        <v>0.11036785427469006</v>
      </c>
      <c r="I135" s="175">
        <v>0.28057388515364451</v>
      </c>
      <c r="J135" s="96">
        <v>0.12203184243805652</v>
      </c>
      <c r="K135" s="95">
        <v>4.651872565480103E-2</v>
      </c>
      <c r="L135" s="96">
        <v>7.2053263257781136E-2</v>
      </c>
      <c r="M135" s="172">
        <v>70</v>
      </c>
      <c r="N135" s="168">
        <v>4.0673702356525956</v>
      </c>
      <c r="O135" s="86">
        <v>0.49895331827701067</v>
      </c>
      <c r="P135" s="176">
        <v>0.35160272025466438</v>
      </c>
      <c r="Q135" s="96">
        <v>0.11157221230251091</v>
      </c>
      <c r="R135" s="175">
        <v>0.11912005595817812</v>
      </c>
      <c r="S135" s="96">
        <v>8.060239107844791E-2</v>
      </c>
      <c r="T135" s="175">
        <v>0.44378613129216488</v>
      </c>
      <c r="U135" s="96">
        <v>0.11558836317287803</v>
      </c>
      <c r="V135" s="95">
        <v>8.5491092494993218E-2</v>
      </c>
      <c r="W135" s="96">
        <v>7.2131719313700382E-2</v>
      </c>
      <c r="X135" s="172">
        <v>53</v>
      </c>
      <c r="Y135" s="168">
        <v>3.6562617646762519</v>
      </c>
      <c r="Z135" s="86">
        <v>0.5009105309334192</v>
      </c>
      <c r="AA135" s="176">
        <v>0.3803399203351161</v>
      </c>
      <c r="AB135" s="96">
        <v>0.12913221058242477</v>
      </c>
      <c r="AC135" s="175">
        <v>0.23692092664075992</v>
      </c>
      <c r="AD135" s="96">
        <v>0.11551937194411072</v>
      </c>
      <c r="AE135" s="175">
        <v>0.35157550128036114</v>
      </c>
      <c r="AF135" s="96">
        <v>0.12730777362537055</v>
      </c>
      <c r="AG135" s="95">
        <v>3.1163651743763069E-2</v>
      </c>
      <c r="AH135" s="96">
        <v>6.4867040586351468E-2</v>
      </c>
    </row>
    <row r="136" spans="1:34">
      <c r="A136" s="44" t="s">
        <v>355</v>
      </c>
      <c r="B136" s="171">
        <v>69</v>
      </c>
      <c r="C136" s="166">
        <v>3.0166507271090808</v>
      </c>
      <c r="D136" s="85">
        <v>0.42300444080414756</v>
      </c>
      <c r="E136" s="174">
        <v>0.58365294878760987</v>
      </c>
      <c r="F136" s="93">
        <v>0.11556841241857495</v>
      </c>
      <c r="G136" s="173">
        <v>0.18709122933298938</v>
      </c>
      <c r="H136" s="93">
        <v>9.4368614989983224E-2</v>
      </c>
      <c r="I136" s="173">
        <v>0.17896612288315139</v>
      </c>
      <c r="J136" s="93">
        <v>9.3023007331197713E-2</v>
      </c>
      <c r="K136" s="92">
        <v>5.0289698996249486E-2</v>
      </c>
      <c r="L136" s="93">
        <v>6.1629316416070529E-2</v>
      </c>
      <c r="M136" s="171">
        <v>76</v>
      </c>
      <c r="N136" s="166">
        <v>3.4636151032290492</v>
      </c>
      <c r="O136" s="85">
        <v>0.49622861909619359</v>
      </c>
      <c r="P136" s="174">
        <v>0.48227872508893882</v>
      </c>
      <c r="Q136" s="93">
        <v>0.11174000529465997</v>
      </c>
      <c r="R136" s="173">
        <v>0.14906643758392679</v>
      </c>
      <c r="S136" s="93">
        <v>8.3322621592186036E-2</v>
      </c>
      <c r="T136" s="173">
        <v>0.24445681547757472</v>
      </c>
      <c r="U136" s="93">
        <v>9.7740640718647395E-2</v>
      </c>
      <c r="V136" s="92">
        <v>0.12419802184955966</v>
      </c>
      <c r="W136" s="93">
        <v>7.827595993644533E-2</v>
      </c>
      <c r="X136" s="171">
        <v>69</v>
      </c>
      <c r="Y136" s="166">
        <v>3.9862439432052268</v>
      </c>
      <c r="Z136" s="85">
        <v>0.39581795826585026</v>
      </c>
      <c r="AA136" s="174">
        <v>0.3046333886400141</v>
      </c>
      <c r="AB136" s="93">
        <v>0.10876645751150452</v>
      </c>
      <c r="AC136" s="173">
        <v>0.29557496613736317</v>
      </c>
      <c r="AD136" s="93">
        <v>0.10794839365396647</v>
      </c>
      <c r="AE136" s="173">
        <v>0.24490193248555708</v>
      </c>
      <c r="AF136" s="93">
        <v>0.10253261468785298</v>
      </c>
      <c r="AG136" s="92">
        <v>0.15488971273706578</v>
      </c>
      <c r="AH136" s="93">
        <v>8.870251103874667E-2</v>
      </c>
    </row>
    <row r="137" spans="1:34">
      <c r="A137" s="48" t="s">
        <v>356</v>
      </c>
      <c r="B137" s="172">
        <v>59</v>
      </c>
      <c r="C137" s="168">
        <v>2.7141363183347993</v>
      </c>
      <c r="D137" s="86">
        <v>0.515371494327728</v>
      </c>
      <c r="E137" s="176">
        <v>0.6700590421217737</v>
      </c>
      <c r="F137" s="96">
        <v>0.11942606909831764</v>
      </c>
      <c r="G137" s="175">
        <v>8.5777424425248633E-2</v>
      </c>
      <c r="H137" s="96">
        <v>7.9488825582730113E-2</v>
      </c>
      <c r="I137" s="175">
        <v>0.18319081544183807</v>
      </c>
      <c r="J137" s="96">
        <v>0.10140989683798995</v>
      </c>
      <c r="K137" s="95">
        <v>6.0972718011139862E-2</v>
      </c>
      <c r="L137" s="96">
        <v>7.1693170667725278E-2</v>
      </c>
      <c r="M137" s="172">
        <v>64</v>
      </c>
      <c r="N137" s="168">
        <v>3.7402251718397004</v>
      </c>
      <c r="O137" s="86">
        <v>0.47811665974147044</v>
      </c>
      <c r="P137" s="176">
        <v>0.47373548022565892</v>
      </c>
      <c r="Q137" s="96">
        <v>0.12111951898496622</v>
      </c>
      <c r="R137" s="175">
        <v>0.16956178956397214</v>
      </c>
      <c r="S137" s="96">
        <v>9.4954659180655057E-2</v>
      </c>
      <c r="T137" s="175">
        <v>0.25889171891664431</v>
      </c>
      <c r="U137" s="96">
        <v>0.10805903730016318</v>
      </c>
      <c r="V137" s="95">
        <v>9.781101129372452E-2</v>
      </c>
      <c r="W137" s="96">
        <v>7.9229533889255271E-2</v>
      </c>
      <c r="X137" s="172">
        <v>59</v>
      </c>
      <c r="Y137" s="168">
        <v>4.1986117734491568</v>
      </c>
      <c r="Z137" s="86">
        <v>0.40358753610089371</v>
      </c>
      <c r="AA137" s="176">
        <v>0.27448285445829568</v>
      </c>
      <c r="AB137" s="96">
        <v>0.11419703184267437</v>
      </c>
      <c r="AC137" s="175">
        <v>0.25709160649795348</v>
      </c>
      <c r="AD137" s="96">
        <v>0.11219322457554418</v>
      </c>
      <c r="AE137" s="175">
        <v>0.40745282103261105</v>
      </c>
      <c r="AF137" s="96">
        <v>0.1240809026161467</v>
      </c>
      <c r="AG137" s="95">
        <v>6.0972718011139862E-2</v>
      </c>
      <c r="AH137" s="96">
        <v>7.1693170667725278E-2</v>
      </c>
    </row>
    <row r="138" spans="1:34">
      <c r="A138" s="56" t="s">
        <v>357</v>
      </c>
      <c r="B138" s="171">
        <v>47</v>
      </c>
      <c r="C138" s="166">
        <v>3.2645301208931334</v>
      </c>
      <c r="D138" s="85">
        <v>0.54191884360838671</v>
      </c>
      <c r="E138" s="174">
        <v>0.48241370343918105</v>
      </c>
      <c r="F138" s="93">
        <v>0.1399544278280824</v>
      </c>
      <c r="G138" s="173">
        <v>0.21725286028343946</v>
      </c>
      <c r="H138" s="93">
        <v>0.11950972049372523</v>
      </c>
      <c r="I138" s="173">
        <v>0.22281996764061351</v>
      </c>
      <c r="J138" s="93">
        <v>0.12037529250087874</v>
      </c>
      <c r="K138" s="92">
        <v>7.7513468636766114E-2</v>
      </c>
      <c r="L138" s="93">
        <v>8.7852960189441873E-2</v>
      </c>
      <c r="M138" s="171">
        <v>54</v>
      </c>
      <c r="N138" s="166">
        <v>5.0431247348628201</v>
      </c>
      <c r="O138" s="85">
        <v>0.48414465585059441</v>
      </c>
      <c r="P138" s="174">
        <v>0.18807245860322572</v>
      </c>
      <c r="Q138" s="93">
        <v>0.10688664804007084</v>
      </c>
      <c r="R138" s="173">
        <v>8.2094372292365131E-2</v>
      </c>
      <c r="S138" s="93">
        <v>8.2467637540584698E-2</v>
      </c>
      <c r="T138" s="173">
        <v>0.5739106389116162</v>
      </c>
      <c r="U138" s="93">
        <v>0.1300569430683956</v>
      </c>
      <c r="V138" s="92">
        <v>0.15592253019279304</v>
      </c>
      <c r="W138" s="93">
        <v>0.10081637998406401</v>
      </c>
      <c r="X138" s="171">
        <v>47</v>
      </c>
      <c r="Y138" s="166">
        <v>4.1032463714061782</v>
      </c>
      <c r="Z138" s="85">
        <v>0.41035312612395719</v>
      </c>
      <c r="AA138" s="174">
        <v>0.28265294594542573</v>
      </c>
      <c r="AB138" s="93">
        <v>0.12830106118795842</v>
      </c>
      <c r="AC138" s="173">
        <v>0.29570473722674179</v>
      </c>
      <c r="AD138" s="93">
        <v>0.12972175789599669</v>
      </c>
      <c r="AE138" s="173">
        <v>0.3354369802226792</v>
      </c>
      <c r="AF138" s="93">
        <v>0.13343146067545156</v>
      </c>
      <c r="AG138" s="92">
        <v>8.6205336605153449E-2</v>
      </c>
      <c r="AH138" s="93">
        <v>9.0566698257522185E-2</v>
      </c>
    </row>
    <row r="139" spans="1:34">
      <c r="A139" s="48" t="s">
        <v>358</v>
      </c>
      <c r="B139" s="172">
        <v>80</v>
      </c>
      <c r="C139" s="168">
        <v>3.392311740216587</v>
      </c>
      <c r="D139" s="86">
        <v>0.44460022074301869</v>
      </c>
      <c r="E139" s="176">
        <v>0.55741855579066579</v>
      </c>
      <c r="F139" s="96">
        <v>0.10845442823617085</v>
      </c>
      <c r="G139" s="175">
        <v>0.14960682123952748</v>
      </c>
      <c r="H139" s="96">
        <v>8.125184579980603E-2</v>
      </c>
      <c r="I139" s="175">
        <v>0.26487120962990984</v>
      </c>
      <c r="J139" s="96">
        <v>9.7554472738263565E-2</v>
      </c>
      <c r="K139" s="95">
        <v>2.8103413339896379E-2</v>
      </c>
      <c r="L139" s="96">
        <v>4.7817550662122191E-2</v>
      </c>
      <c r="M139" s="172">
        <v>97</v>
      </c>
      <c r="N139" s="168">
        <v>4.1653219135506312</v>
      </c>
      <c r="O139" s="86">
        <v>0.43075943632120978</v>
      </c>
      <c r="P139" s="176">
        <v>0.33276080136967529</v>
      </c>
      <c r="Q139" s="96">
        <v>9.423008374208984E-2</v>
      </c>
      <c r="R139" s="175">
        <v>0.19911787720812857</v>
      </c>
      <c r="S139" s="96">
        <v>8.1203485111363882E-2</v>
      </c>
      <c r="T139" s="175">
        <v>0.36707622972948739</v>
      </c>
      <c r="U139" s="96">
        <v>9.6205856355110184E-2</v>
      </c>
      <c r="V139" s="95">
        <v>0.10104509169270863</v>
      </c>
      <c r="W139" s="96">
        <v>6.3928321618976824E-2</v>
      </c>
      <c r="X139" s="172">
        <v>78</v>
      </c>
      <c r="Y139" s="168">
        <v>4.0600933968814079</v>
      </c>
      <c r="Z139" s="86">
        <v>0.34636599198366769</v>
      </c>
      <c r="AA139" s="176">
        <v>0.29271038131452809</v>
      </c>
      <c r="AB139" s="96">
        <v>0.10148191330697205</v>
      </c>
      <c r="AC139" s="175">
        <v>0.23391160981756629</v>
      </c>
      <c r="AD139" s="96">
        <v>9.5236830103468839E-2</v>
      </c>
      <c r="AE139" s="175">
        <v>0.3615486486011345</v>
      </c>
      <c r="AF139" s="96">
        <v>0.1065319681914539</v>
      </c>
      <c r="AG139" s="95">
        <v>0.1118293602667709</v>
      </c>
      <c r="AH139" s="96">
        <v>7.4462351087187059E-2</v>
      </c>
    </row>
    <row r="140" spans="1:34">
      <c r="A140" s="56" t="s">
        <v>359</v>
      </c>
      <c r="B140" s="171">
        <v>104</v>
      </c>
      <c r="C140" s="166">
        <v>3.2597218065966223</v>
      </c>
      <c r="D140" s="85">
        <v>0.35580604006161831</v>
      </c>
      <c r="E140" s="174">
        <v>0.58642239280819508</v>
      </c>
      <c r="F140" s="93">
        <v>9.4882807125769575E-2</v>
      </c>
      <c r="G140" s="173">
        <v>0.15902250257388004</v>
      </c>
      <c r="H140" s="93">
        <v>7.2568519448545366E-2</v>
      </c>
      <c r="I140" s="173">
        <v>0.19667629815847704</v>
      </c>
      <c r="J140" s="93">
        <v>7.809863882834614E-2</v>
      </c>
      <c r="K140" s="92">
        <v>5.7878806459447235E-2</v>
      </c>
      <c r="L140" s="93">
        <v>5.0457190744869172E-2</v>
      </c>
      <c r="M140" s="171">
        <v>115</v>
      </c>
      <c r="N140" s="166">
        <v>4.016389282140107</v>
      </c>
      <c r="O140" s="85">
        <v>0.35215232732585433</v>
      </c>
      <c r="P140" s="174">
        <v>0.33895978186457471</v>
      </c>
      <c r="Q140" s="93">
        <v>8.7116305000738664E-2</v>
      </c>
      <c r="R140" s="173">
        <v>0.21948715411024824</v>
      </c>
      <c r="S140" s="93">
        <v>7.7027453415442537E-2</v>
      </c>
      <c r="T140" s="173">
        <v>0.33142510236757738</v>
      </c>
      <c r="U140" s="93">
        <v>8.6667686765720578E-2</v>
      </c>
      <c r="V140" s="92">
        <v>0.11012796165759883</v>
      </c>
      <c r="W140" s="93">
        <v>6.0264558327408242E-2</v>
      </c>
      <c r="X140" s="171">
        <v>102</v>
      </c>
      <c r="Y140" s="166">
        <v>3.5684273934356812</v>
      </c>
      <c r="Z140" s="85">
        <v>0.3103722065179283</v>
      </c>
      <c r="AA140" s="174">
        <v>0.48631218242788316</v>
      </c>
      <c r="AB140" s="93">
        <v>9.7094880061976738E-2</v>
      </c>
      <c r="AC140" s="173">
        <v>0.25639737804836665</v>
      </c>
      <c r="AD140" s="93">
        <v>8.5793063667871775E-2</v>
      </c>
      <c r="AE140" s="173">
        <v>0.20200160774365813</v>
      </c>
      <c r="AF140" s="93">
        <v>7.9567846817066648E-2</v>
      </c>
      <c r="AG140" s="92">
        <v>5.528883178009137E-2</v>
      </c>
      <c r="AH140" s="93">
        <v>5.0235762973616677E-2</v>
      </c>
    </row>
    <row r="141" spans="1:34">
      <c r="A141" s="48" t="s">
        <v>371</v>
      </c>
      <c r="B141" s="172">
        <v>169</v>
      </c>
      <c r="C141" s="168">
        <v>3.0704874287295438</v>
      </c>
      <c r="D141" s="86">
        <v>0.26351286881582353</v>
      </c>
      <c r="E141" s="176">
        <v>0.57846518245858558</v>
      </c>
      <c r="F141" s="96">
        <v>7.5129888381864421E-2</v>
      </c>
      <c r="G141" s="175">
        <v>0.16578084411131985</v>
      </c>
      <c r="H141" s="96">
        <v>5.7581963862198181E-2</v>
      </c>
      <c r="I141" s="175">
        <v>0.16911629076368168</v>
      </c>
      <c r="J141" s="96">
        <v>5.8005438499714956E-2</v>
      </c>
      <c r="K141" s="95">
        <v>8.6637682666413432E-2</v>
      </c>
      <c r="L141" s="96">
        <v>4.4835390067389687E-2</v>
      </c>
      <c r="M141" s="172">
        <v>181</v>
      </c>
      <c r="N141" s="168">
        <v>4.4614228133352105</v>
      </c>
      <c r="O141" s="86">
        <v>0.30361694659039334</v>
      </c>
      <c r="P141" s="176">
        <v>0.25773328543970175</v>
      </c>
      <c r="Q141" s="96">
        <v>6.4735216686100994E-2</v>
      </c>
      <c r="R141" s="175">
        <v>0.15933107657074419</v>
      </c>
      <c r="S141" s="96">
        <v>5.4803637207862778E-2</v>
      </c>
      <c r="T141" s="175">
        <v>0.41889060924069438</v>
      </c>
      <c r="U141" s="96">
        <v>7.2589579621750847E-2</v>
      </c>
      <c r="V141" s="95">
        <v>0.16404502874886059</v>
      </c>
      <c r="W141" s="96">
        <v>5.5402639012376471E-2</v>
      </c>
      <c r="X141" s="172">
        <v>172</v>
      </c>
      <c r="Y141" s="168">
        <v>3.9472321089216167</v>
      </c>
      <c r="Z141" s="86">
        <v>0.225979053088847</v>
      </c>
      <c r="AA141" s="176">
        <v>0.29576754559589702</v>
      </c>
      <c r="AB141" s="96">
        <v>6.9111818071814879E-2</v>
      </c>
      <c r="AC141" s="175">
        <v>0.25446544121194425</v>
      </c>
      <c r="AD141" s="96">
        <v>6.6130375449113446E-2</v>
      </c>
      <c r="AE141" s="175">
        <v>0.2991773220746598</v>
      </c>
      <c r="AF141" s="96">
        <v>6.9328367359410115E-2</v>
      </c>
      <c r="AG141" s="95">
        <v>0.15058969111749992</v>
      </c>
      <c r="AH141" s="96">
        <v>5.5061702788274568E-2</v>
      </c>
    </row>
    <row r="142" spans="1:34">
      <c r="A142" s="56" t="s">
        <v>360</v>
      </c>
      <c r="B142" s="171">
        <v>95</v>
      </c>
      <c r="C142" s="166">
        <v>3.2313532950425667</v>
      </c>
      <c r="D142" s="85">
        <v>0.34952059083846582</v>
      </c>
      <c r="E142" s="174">
        <v>0.53235895945593692</v>
      </c>
      <c r="F142" s="93">
        <v>0.10030978334039066</v>
      </c>
      <c r="G142" s="173">
        <v>0.21218274678397087</v>
      </c>
      <c r="H142" s="93">
        <v>8.3779421233061688E-2</v>
      </c>
      <c r="I142" s="173">
        <v>0.17190334580215683</v>
      </c>
      <c r="J142" s="93">
        <v>7.8076790359976514E-2</v>
      </c>
      <c r="K142" s="92">
        <v>8.3554947957935749E-2</v>
      </c>
      <c r="L142" s="93">
        <v>6.0404248751572819E-2</v>
      </c>
      <c r="M142" s="171">
        <v>102</v>
      </c>
      <c r="N142" s="166">
        <v>4.4014756118808389</v>
      </c>
      <c r="O142" s="85">
        <v>0.40560332373502506</v>
      </c>
      <c r="P142" s="174">
        <v>0.24311570383035946</v>
      </c>
      <c r="Q142" s="93">
        <v>8.4428563621763236E-2</v>
      </c>
      <c r="R142" s="173">
        <v>0.19598346147692894</v>
      </c>
      <c r="S142" s="93">
        <v>7.8768320780136389E-2</v>
      </c>
      <c r="T142" s="173">
        <v>0.37042145863876014</v>
      </c>
      <c r="U142" s="93">
        <v>9.4059938111424254E-2</v>
      </c>
      <c r="V142" s="92">
        <v>0.19047937605395146</v>
      </c>
      <c r="W142" s="93">
        <v>7.8015716063731061E-2</v>
      </c>
      <c r="X142" s="171">
        <v>96</v>
      </c>
      <c r="Y142" s="166">
        <v>4.0274580812622869</v>
      </c>
      <c r="Z142" s="85">
        <v>0.30284761907557867</v>
      </c>
      <c r="AA142" s="174">
        <v>0.28851617259419571</v>
      </c>
      <c r="AB142" s="93">
        <v>9.1385132889616541E-2</v>
      </c>
      <c r="AC142" s="173">
        <v>0.2630556752533722</v>
      </c>
      <c r="AD142" s="93">
        <v>8.9052561520011994E-2</v>
      </c>
      <c r="AE142" s="173">
        <v>0.29425241800355134</v>
      </c>
      <c r="AF142" s="93">
        <v>9.1866591663000027E-2</v>
      </c>
      <c r="AG142" s="92">
        <v>0.15417573414888117</v>
      </c>
      <c r="AH142" s="93">
        <v>7.4774803216080626E-2</v>
      </c>
    </row>
    <row r="143" spans="1:34">
      <c r="A143" s="48" t="s">
        <v>370</v>
      </c>
      <c r="B143" s="172">
        <v>274</v>
      </c>
      <c r="C143" s="168">
        <v>3.3238073079981776</v>
      </c>
      <c r="D143" s="86">
        <v>0.22725140184421452</v>
      </c>
      <c r="E143" s="176">
        <v>0.53047061450571487</v>
      </c>
      <c r="F143" s="96">
        <v>5.986772802117931E-2</v>
      </c>
      <c r="G143" s="175">
        <v>0.12993801707726033</v>
      </c>
      <c r="H143" s="96">
        <v>4.102406127805458E-2</v>
      </c>
      <c r="I143" s="175">
        <v>0.24994872275838553</v>
      </c>
      <c r="J143" s="96">
        <v>5.2184056274183863E-2</v>
      </c>
      <c r="K143" s="95">
        <v>8.9642645658638512E-2</v>
      </c>
      <c r="L143" s="96">
        <v>3.5262188732106688E-2</v>
      </c>
      <c r="M143" s="172">
        <v>293</v>
      </c>
      <c r="N143" s="168">
        <v>4.5649525841871901</v>
      </c>
      <c r="O143" s="86">
        <v>0.25353043418518595</v>
      </c>
      <c r="P143" s="176">
        <v>0.27604258084097855</v>
      </c>
      <c r="Q143" s="96">
        <v>5.2053456706890856E-2</v>
      </c>
      <c r="R143" s="175">
        <v>0.13845229265491243</v>
      </c>
      <c r="S143" s="96">
        <v>4.066460248125197E-2</v>
      </c>
      <c r="T143" s="175">
        <v>0.46137710410032773</v>
      </c>
      <c r="U143" s="96">
        <v>5.7857154010227264E-2</v>
      </c>
      <c r="V143" s="95">
        <v>0.12412802240378044</v>
      </c>
      <c r="W143" s="96">
        <v>3.8924972305487686E-2</v>
      </c>
      <c r="X143" s="172">
        <v>274</v>
      </c>
      <c r="Y143" s="168">
        <v>4.0439190012461328</v>
      </c>
      <c r="Z143" s="86">
        <v>0.19447440887844039</v>
      </c>
      <c r="AA143" s="176">
        <v>0.29460989557305511</v>
      </c>
      <c r="AB143" s="96">
        <v>5.4840531543695913E-2</v>
      </c>
      <c r="AC143" s="175">
        <v>0.22413598823399927</v>
      </c>
      <c r="AD143" s="96">
        <v>5.0333170180426538E-2</v>
      </c>
      <c r="AE143" s="175">
        <v>0.34263869693869253</v>
      </c>
      <c r="AF143" s="96">
        <v>5.701758985916941E-2</v>
      </c>
      <c r="AG143" s="95">
        <v>0.13861541925425211</v>
      </c>
      <c r="AH143" s="96">
        <v>4.2091436336231039E-2</v>
      </c>
    </row>
    <row r="144" spans="1:34">
      <c r="A144" s="56" t="s">
        <v>361</v>
      </c>
      <c r="B144" s="171">
        <v>119</v>
      </c>
      <c r="C144" s="166">
        <v>3.2345542955440787</v>
      </c>
      <c r="D144" s="85">
        <v>0.35869743198389037</v>
      </c>
      <c r="E144" s="174">
        <v>0.57724638981513299</v>
      </c>
      <c r="F144" s="93">
        <v>8.9154070094872334E-2</v>
      </c>
      <c r="G144" s="173">
        <v>6.7044133313799242E-2</v>
      </c>
      <c r="H144" s="93">
        <v>4.9235751337389402E-2</v>
      </c>
      <c r="I144" s="173">
        <v>0.26999640797229457</v>
      </c>
      <c r="J144" s="93">
        <v>8.0745139197344218E-2</v>
      </c>
      <c r="K144" s="92">
        <v>8.5713068898772976E-2</v>
      </c>
      <c r="L144" s="93">
        <v>5.3903855633154821E-2</v>
      </c>
      <c r="M144" s="171">
        <v>127</v>
      </c>
      <c r="N144" s="166">
        <v>4.3991041070574886</v>
      </c>
      <c r="O144" s="85">
        <v>0.38419654082511201</v>
      </c>
      <c r="P144" s="174">
        <v>0.33190360605740715</v>
      </c>
      <c r="Q144" s="93">
        <v>8.2599528513430359E-2</v>
      </c>
      <c r="R144" s="173">
        <v>0.14216395949344046</v>
      </c>
      <c r="S144" s="93">
        <v>6.2919705505535772E-2</v>
      </c>
      <c r="T144" s="173">
        <v>0.41827435545128788</v>
      </c>
      <c r="U144" s="93">
        <v>8.626650958041622E-2</v>
      </c>
      <c r="V144" s="92">
        <v>0.1076580789978641</v>
      </c>
      <c r="W144" s="93">
        <v>5.6709986069999663E-2</v>
      </c>
      <c r="X144" s="171">
        <v>120</v>
      </c>
      <c r="Y144" s="166">
        <v>4.0225533995912013</v>
      </c>
      <c r="Z144" s="85">
        <v>0.30660464365276308</v>
      </c>
      <c r="AA144" s="174">
        <v>0.26222412820034985</v>
      </c>
      <c r="AB144" s="93">
        <v>7.9727636147016848E-2</v>
      </c>
      <c r="AC144" s="173">
        <v>0.2142798206703839</v>
      </c>
      <c r="AD144" s="93">
        <v>7.4821480042273847E-2</v>
      </c>
      <c r="AE144" s="173">
        <v>0.33066625637815866</v>
      </c>
      <c r="AF144" s="93">
        <v>8.4842582088757793E-2</v>
      </c>
      <c r="AG144" s="92">
        <v>0.19282979475110726</v>
      </c>
      <c r="AH144" s="93">
        <v>7.2208391788897652E-2</v>
      </c>
    </row>
    <row r="145" spans="1:34">
      <c r="A145" s="48" t="s">
        <v>375</v>
      </c>
      <c r="B145" s="172">
        <v>107</v>
      </c>
      <c r="C145" s="168">
        <v>3.3321947556593146</v>
      </c>
      <c r="D145" s="86">
        <v>0.34168112667304495</v>
      </c>
      <c r="E145" s="176">
        <v>0.48548857290146741</v>
      </c>
      <c r="F145" s="96">
        <v>9.4878646449314902E-2</v>
      </c>
      <c r="G145" s="175">
        <v>0.17218655871773947</v>
      </c>
      <c r="H145" s="96">
        <v>7.355669074431978E-2</v>
      </c>
      <c r="I145" s="175">
        <v>0.22410236801206387</v>
      </c>
      <c r="J145" s="96">
        <v>8.0374739099984174E-2</v>
      </c>
      <c r="K145" s="95">
        <v>0.11822250036872907</v>
      </c>
      <c r="L145" s="96">
        <v>6.4252167128259832E-2</v>
      </c>
      <c r="M145" s="172">
        <v>112</v>
      </c>
      <c r="N145" s="168">
        <v>4.8835030580190804</v>
      </c>
      <c r="O145" s="86">
        <v>0.39370810746228041</v>
      </c>
      <c r="P145" s="176">
        <v>0.19847405403972418</v>
      </c>
      <c r="Q145" s="96">
        <v>7.548559962029204E-2</v>
      </c>
      <c r="R145" s="175">
        <v>0.11610205860747987</v>
      </c>
      <c r="S145" s="96">
        <v>6.2314857944232666E-2</v>
      </c>
      <c r="T145" s="175">
        <v>0.53201244264424175</v>
      </c>
      <c r="U145" s="96">
        <v>9.2670097209992336E-2</v>
      </c>
      <c r="V145" s="95">
        <v>0.153411444708554</v>
      </c>
      <c r="W145" s="96">
        <v>6.8987236977972141E-2</v>
      </c>
      <c r="X145" s="172">
        <v>107</v>
      </c>
      <c r="Y145" s="168">
        <v>4.0395549260023014</v>
      </c>
      <c r="Z145" s="86">
        <v>0.28714283369856969</v>
      </c>
      <c r="AA145" s="176">
        <v>0.32045250326171676</v>
      </c>
      <c r="AB145" s="96">
        <v>8.9047864940915197E-2</v>
      </c>
      <c r="AC145" s="175">
        <v>0.25292156045132308</v>
      </c>
      <c r="AD145" s="96">
        <v>8.3455292355614094E-2</v>
      </c>
      <c r="AE145" s="175">
        <v>0.33474289625635129</v>
      </c>
      <c r="AF145" s="96">
        <v>8.9969545788590441E-2</v>
      </c>
      <c r="AG145" s="95">
        <v>9.1883040030608584E-2</v>
      </c>
      <c r="AH145" s="96">
        <v>5.8580363978102255E-2</v>
      </c>
    </row>
    <row r="146" spans="1:34">
      <c r="A146" s="56" t="s">
        <v>358</v>
      </c>
      <c r="B146" s="171">
        <v>80</v>
      </c>
      <c r="C146" s="166">
        <v>3.392311740216587</v>
      </c>
      <c r="D146" s="85">
        <v>0.44460022074301869</v>
      </c>
      <c r="E146" s="174">
        <v>0.55741855579066579</v>
      </c>
      <c r="F146" s="93">
        <v>0.10845442823617085</v>
      </c>
      <c r="G146" s="173">
        <v>0.14960682123952748</v>
      </c>
      <c r="H146" s="93">
        <v>8.125184579980603E-2</v>
      </c>
      <c r="I146" s="173">
        <v>0.26487120962990984</v>
      </c>
      <c r="J146" s="93">
        <v>9.7554472738263565E-2</v>
      </c>
      <c r="K146" s="92">
        <v>2.8103413339896379E-2</v>
      </c>
      <c r="L146" s="93">
        <v>4.7817550662122191E-2</v>
      </c>
      <c r="M146" s="171">
        <v>97</v>
      </c>
      <c r="N146" s="166">
        <v>4.1653219135506312</v>
      </c>
      <c r="O146" s="85">
        <v>0.43075943632120978</v>
      </c>
      <c r="P146" s="174">
        <v>0.33276080136967529</v>
      </c>
      <c r="Q146" s="93">
        <v>9.423008374208984E-2</v>
      </c>
      <c r="R146" s="173">
        <v>0.19911787720812857</v>
      </c>
      <c r="S146" s="93">
        <v>8.1203485111363882E-2</v>
      </c>
      <c r="T146" s="173">
        <v>0.36707622972948739</v>
      </c>
      <c r="U146" s="93">
        <v>9.6205856355110184E-2</v>
      </c>
      <c r="V146" s="92">
        <v>0.10104509169270863</v>
      </c>
      <c r="W146" s="93">
        <v>6.3928321618976824E-2</v>
      </c>
      <c r="X146" s="171">
        <v>78</v>
      </c>
      <c r="Y146" s="166">
        <v>4.0600933968814079</v>
      </c>
      <c r="Z146" s="85">
        <v>0.34636599198366769</v>
      </c>
      <c r="AA146" s="174">
        <v>0.29271038131452809</v>
      </c>
      <c r="AB146" s="93">
        <v>0.10148191330697205</v>
      </c>
      <c r="AC146" s="173">
        <v>0.23391160981756629</v>
      </c>
      <c r="AD146" s="93">
        <v>9.5236830103468839E-2</v>
      </c>
      <c r="AE146" s="173">
        <v>0.3615486486011345</v>
      </c>
      <c r="AF146" s="93">
        <v>0.1065319681914539</v>
      </c>
      <c r="AG146" s="92">
        <v>0.1118293602667709</v>
      </c>
      <c r="AH146" s="93">
        <v>7.4462351087187059E-2</v>
      </c>
    </row>
    <row r="147" spans="1:34">
      <c r="I147" s="245"/>
      <c r="J147" s="245"/>
      <c r="K147" s="245"/>
      <c r="L147" s="245"/>
      <c r="M147" s="245"/>
      <c r="N147" s="245"/>
      <c r="O147" s="245"/>
      <c r="P147" s="245"/>
      <c r="Q147" s="245"/>
      <c r="R147" s="245"/>
      <c r="S147" s="245"/>
      <c r="T147" s="245"/>
      <c r="U147" s="245"/>
      <c r="V147" s="245"/>
      <c r="W147" s="245"/>
    </row>
  </sheetData>
  <mergeCells count="19">
    <mergeCell ref="A3:D3"/>
    <mergeCell ref="A4:D4"/>
    <mergeCell ref="A5:D5"/>
    <mergeCell ref="A63:L63"/>
    <mergeCell ref="B34:J34"/>
    <mergeCell ref="K34:S34"/>
    <mergeCell ref="X121:AH121"/>
    <mergeCell ref="T34:AB34"/>
    <mergeCell ref="AC34:AK34"/>
    <mergeCell ref="A33:AK33"/>
    <mergeCell ref="A32:AK32"/>
    <mergeCell ref="A90:D90"/>
    <mergeCell ref="A62:L62"/>
    <mergeCell ref="A91:D91"/>
    <mergeCell ref="A92:D92"/>
    <mergeCell ref="B121:L121"/>
    <mergeCell ref="M121:W121"/>
    <mergeCell ref="A120:AH120"/>
    <mergeCell ref="A119:AH119"/>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Mel.Mylek</cp:lastModifiedBy>
  <dcterms:created xsi:type="dcterms:W3CDTF">2014-05-19T04:59:05Z</dcterms:created>
  <dcterms:modified xsi:type="dcterms:W3CDTF">2020-01-20T03:38:17Z</dcterms:modified>
</cp:coreProperties>
</file>